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4071\Downloads\"/>
    </mc:Choice>
  </mc:AlternateContent>
  <xr:revisionPtr revIDLastSave="0" documentId="8_{F6159A6F-F459-4929-A3EB-3853B2F43182}" xr6:coauthVersionLast="47" xr6:coauthVersionMax="47" xr10:uidLastSave="{00000000-0000-0000-0000-000000000000}"/>
  <bookViews>
    <workbookView xWindow="-120" yWindow="-120" windowWidth="29040" windowHeight="17520" xr2:uid="{63FD653F-1B4F-44E3-B723-B49F6BF98E0A}"/>
  </bookViews>
  <sheets>
    <sheet name="Books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083" uniqueCount="307">
  <si>
    <t>Subject</t>
  </si>
  <si>
    <t>The Oxford Handbook of</t>
  </si>
  <si>
    <t>In Foundation</t>
  </si>
  <si>
    <t>In 2012</t>
  </si>
  <si>
    <t>In 2013</t>
  </si>
  <si>
    <t>In 2014</t>
  </si>
  <si>
    <t>In 2015</t>
  </si>
  <si>
    <t>In 2016</t>
  </si>
  <si>
    <t>In 2017</t>
  </si>
  <si>
    <t>In 2018</t>
  </si>
  <si>
    <t>In 2019</t>
  </si>
  <si>
    <t>In 2020</t>
  </si>
  <si>
    <t>In 2021</t>
  </si>
  <si>
    <t>In 2022</t>
  </si>
  <si>
    <t>In 2023</t>
  </si>
  <si>
    <t>In 2024</t>
  </si>
  <si>
    <t>In 2025</t>
  </si>
  <si>
    <t>Completed (including front and back matter)?</t>
  </si>
  <si>
    <t>Completed Online Pub Date</t>
  </si>
  <si>
    <t>Editor(s)</t>
  </si>
  <si>
    <t>Online ISBN</t>
  </si>
  <si>
    <t>Print ISBN</t>
  </si>
  <si>
    <t>Print Pub Date</t>
  </si>
  <si>
    <t>Full Handbook?</t>
  </si>
  <si>
    <t>URL</t>
  </si>
  <si>
    <t>DOI</t>
  </si>
  <si>
    <t>Classical Studies</t>
  </si>
  <si>
    <t>Byzantine Studies</t>
  </si>
  <si>
    <t>Cuneiform Culture</t>
  </si>
  <si>
    <t>Engineering and Technology in the Classical World</t>
  </si>
  <si>
    <t>Greek and Roman Coinage</t>
  </si>
  <si>
    <t>Hellenic Studies</t>
  </si>
  <si>
    <t>Jewish Daily Life in Roman Palestine</t>
  </si>
  <si>
    <t>Medieval Latin Literature</t>
  </si>
  <si>
    <t>Papyrology</t>
  </si>
  <si>
    <t>Roman Studies</t>
  </si>
  <si>
    <t>Social Relations in the Roman World</t>
  </si>
  <si>
    <t>the Bronze Age Aegean</t>
  </si>
  <si>
    <t>Greek and Roman Slaveries</t>
  </si>
  <si>
    <t>Hesiod</t>
  </si>
  <si>
    <t>Literatures of the Roman Empire</t>
  </si>
  <si>
    <t>Science and Medicine in the Classical World</t>
  </si>
  <si>
    <t>Criminology and Criminal Justice</t>
  </si>
  <si>
    <t>Crime and Criminal Justice</t>
  </si>
  <si>
    <t>Crime and Public Policy</t>
  </si>
  <si>
    <t>Crime Prevention</t>
  </si>
  <si>
    <t>Juvenile Crime and Juvenile Justice</t>
  </si>
  <si>
    <t>Sentencing and Corrections</t>
  </si>
  <si>
    <t>導入済み</t>
    <rPh sb="0" eb="3">
      <t>ドウニュウズ</t>
    </rPh>
    <phoneticPr fontId="5"/>
  </si>
  <si>
    <t/>
  </si>
  <si>
    <t>Foundation</t>
  </si>
  <si>
    <t>Robin Cormack, John F. Haldon, Elizabeth Jeffreys</t>
  </si>
  <si>
    <t>9780191743528</t>
  </si>
  <si>
    <t>9780199252466</t>
  </si>
  <si>
    <t>yes</t>
  </si>
  <si>
    <t>https://academic.oup.com/edited-volume/29470</t>
  </si>
  <si>
    <t>10.1093/oxfordhb/9780199252466.001.0001</t>
  </si>
  <si>
    <t>Karen Radner, Eleanor Robson</t>
  </si>
  <si>
    <t>9780191743597</t>
  </si>
  <si>
    <t>9780199557301</t>
  </si>
  <si>
    <t>https://academic.oup.com/edited-volume/27992</t>
  </si>
  <si>
    <t>10.1093/oxfordhb/9780199557301.001.0001</t>
  </si>
  <si>
    <t>John Peter Oleson</t>
  </si>
  <si>
    <t>9780199940349</t>
  </si>
  <si>
    <t>9780199734856</t>
  </si>
  <si>
    <t>https://academic.oup.com/edited-volume/28003</t>
  </si>
  <si>
    <t>10.1093/oxfordhb/9780199734856.001.0001</t>
  </si>
  <si>
    <t>William E. Metcalf</t>
  </si>
  <si>
    <t>9780199940769</t>
  </si>
  <si>
    <t>9780195305746</t>
  </si>
  <si>
    <t>https://academic.oup.com/edited-volume/27945</t>
  </si>
  <si>
    <t>10.1093/oxfordhb/9780195305746.001.0001</t>
  </si>
  <si>
    <t>Barbara Graziosi, Phiroze Vasunia, George Boys-Stones</t>
  </si>
  <si>
    <t>9780191743726</t>
  </si>
  <si>
    <t>9780199286140</t>
  </si>
  <si>
    <t>https://academic.oup.com/edited-volume/38587</t>
  </si>
  <si>
    <t>10.1093/oxfordhb/9780199286140.001.0001</t>
  </si>
  <si>
    <t>Catherine Hezser</t>
  </si>
  <si>
    <t>9780191743788</t>
  </si>
  <si>
    <t>9780199216437</t>
  </si>
  <si>
    <t>https://academic.oup.com/edited-volume/28091</t>
  </si>
  <si>
    <t>10.1093/oxfordhb/9780199216437.001.0001</t>
  </si>
  <si>
    <t>Ralph Hexter, David Townsend</t>
  </si>
  <si>
    <t>9780199968688</t>
  </si>
  <si>
    <t>9780195394016</t>
  </si>
  <si>
    <t>https://academic.oup.com/edited-volume/34509</t>
  </si>
  <si>
    <t>10.1093/oxfordhb/9780195394016.001.0001</t>
  </si>
  <si>
    <t>Roger S. Bagnall</t>
  </si>
  <si>
    <t>9780199940585</t>
  </si>
  <si>
    <t>9780199843695</t>
  </si>
  <si>
    <t>https://academic.oup.com/edited-volume/28017</t>
  </si>
  <si>
    <t>10.1093/oxfordhb/9780199843695.001.0001</t>
  </si>
  <si>
    <t>Alessandro Barchiesi, Walter Scheidel</t>
  </si>
  <si>
    <t>9780191743962</t>
  </si>
  <si>
    <t>9780199211524</t>
  </si>
  <si>
    <t>https://academic.oup.com/edited-volume/38681</t>
  </si>
  <si>
    <t>10.1093/oxfordhb/9780199211524.001.0001</t>
  </si>
  <si>
    <t>Michael Peachin</t>
  </si>
  <si>
    <t>9780199940677</t>
  </si>
  <si>
    <t>9780195188004</t>
  </si>
  <si>
    <t>https://academic.oup.com/edited-volume/38567</t>
  </si>
  <si>
    <t>10.1093/oxfordhb/9780195188004.001.0001</t>
  </si>
  <si>
    <t>Erin M. Cline</t>
  </si>
  <si>
    <t>9780199968671</t>
  </si>
  <si>
    <t>9780199873609</t>
  </si>
  <si>
    <t>https://academic.oup.com/edited-volume/28133</t>
  </si>
  <si>
    <t>10.1093/oxfordhb/9780199873609.001.0001</t>
  </si>
  <si>
    <t>Incomplete</t>
  </si>
  <si>
    <t>no</t>
  </si>
  <si>
    <t>2016</t>
  </si>
  <si>
    <t>2017</t>
  </si>
  <si>
    <t>Stephen Hodkinson, Marc Kleijwegt, Kostas Vlassopoulos</t>
  </si>
  <si>
    <t>9780191750991</t>
  </si>
  <si>
    <t>9780199575251</t>
  </si>
  <si>
    <t>https://academic.oup.com/edited-volume/40302</t>
  </si>
  <si>
    <t>10.1093/oxfordhb/9780199575251.001.0001</t>
  </si>
  <si>
    <t>2015</t>
  </si>
  <si>
    <t>2018</t>
  </si>
  <si>
    <t>Alexander C. Loney, Stephen Scully</t>
  </si>
  <si>
    <t>9780190209056</t>
  </si>
  <si>
    <t>9780190209032</t>
  </si>
  <si>
    <t>https://academic.oup.com/edited-volume/27942</t>
  </si>
  <si>
    <t>10.1093/oxfordhb/9780190209032.001.0001</t>
  </si>
  <si>
    <t>Daniel L. Selden, Phiroze Vasunia</t>
  </si>
  <si>
    <t>9780191756979</t>
  </si>
  <si>
    <t>9780199699445</t>
  </si>
  <si>
    <t>https://academic.oup.com/edited-volume/38601</t>
  </si>
  <si>
    <t>10.1093/oxfordhb/9780199699445.001.0001</t>
  </si>
  <si>
    <t>Paul T. Keyser, John Scarborough</t>
  </si>
  <si>
    <t>9780199984657</t>
  </si>
  <si>
    <t>9780199734146</t>
  </si>
  <si>
    <t>https://academic.oup.com/edited-volume/34644</t>
  </si>
  <si>
    <t>10.1093/oxfordhb/9780199734146.001.0001</t>
  </si>
  <si>
    <t>2014</t>
  </si>
  <si>
    <t>2013</t>
  </si>
  <si>
    <t>2012</t>
  </si>
  <si>
    <t>Michael Tonry</t>
  </si>
  <si>
    <t>9780199940257</t>
  </si>
  <si>
    <t>9780195395082</t>
  </si>
  <si>
    <t>https://academic.oup.com/edited-volume/36323</t>
  </si>
  <si>
    <t>10.1093/oxfordhb/9780195395082.001.0001</t>
  </si>
  <si>
    <t>9780199940264</t>
  </si>
  <si>
    <t>9780199844654</t>
  </si>
  <si>
    <t>https://academic.oup.com/edited-volume/28211</t>
  </si>
  <si>
    <t>10.1093/oxfordhb/9780199844654.001.0001</t>
  </si>
  <si>
    <t>David P. Farrington, Brandon C. Welsh</t>
  </si>
  <si>
    <t>9780199940783</t>
  </si>
  <si>
    <t>9780195398823</t>
  </si>
  <si>
    <t>https://academic.oup.com/edited-volume/36312</t>
  </si>
  <si>
    <t>10.1093/oxfordhb/9780195398823.001.0001</t>
  </si>
  <si>
    <t>Donna M. Bishop, Barry C. Feld</t>
  </si>
  <si>
    <t>9780199940776</t>
  </si>
  <si>
    <t>9780195385106</t>
  </si>
  <si>
    <t>https://academic.oup.com/edited-volume/28317</t>
  </si>
  <si>
    <t>10.1093/oxfordhb/9780195385106.001.0001</t>
  </si>
  <si>
    <t>Joan Petersilia, Kevin R. Reitz</t>
  </si>
  <si>
    <t>9780199968756</t>
  </si>
  <si>
    <t>9780199730148</t>
  </si>
  <si>
    <t>https://academic.oup.com/edited-volume/36315</t>
  </si>
  <si>
    <t>10.1093/oxfordhb/9780199730148.001.0001</t>
  </si>
  <si>
    <t>Law</t>
  </si>
  <si>
    <t>Comparative Constitutional Law</t>
  </si>
  <si>
    <t>Comparative Law</t>
  </si>
  <si>
    <t>Empirical Legal Research</t>
  </si>
  <si>
    <t>International Environmental Law</t>
  </si>
  <si>
    <t>International Investment Law</t>
  </si>
  <si>
    <t>International Trade Law</t>
  </si>
  <si>
    <t>Jurisprudence and Philosophy of Law</t>
  </si>
  <si>
    <t>Legal Studies</t>
  </si>
  <si>
    <t>Corporate Law and Governance</t>
  </si>
  <si>
    <t>Criminal Law</t>
  </si>
  <si>
    <t>European Union Law</t>
  </si>
  <si>
    <t>Financial Regulation</t>
  </si>
  <si>
    <t>International Climate Change Law</t>
  </si>
  <si>
    <t>Islamic Law</t>
  </si>
  <si>
    <t>Michel Rosenfeld, András Sajó</t>
  </si>
  <si>
    <t>9780191751967</t>
  </si>
  <si>
    <t>9780199578610</t>
  </si>
  <si>
    <t>https://academic.oup.com/edited-volume/43728</t>
  </si>
  <si>
    <t>10.1093/oxfordhb/9780199578610.001.0001</t>
  </si>
  <si>
    <t>Mathias Reimann, Reinhard Zimmermann</t>
  </si>
  <si>
    <t>9780191743559</t>
  </si>
  <si>
    <t>9780199296064</t>
  </si>
  <si>
    <t>https://academic.oup.com/edited-volume/38689</t>
  </si>
  <si>
    <t>10.1093/oxfordhb/9780199296064.001.0001</t>
  </si>
  <si>
    <t>Peter Cane, Herbert M. Kritzer</t>
  </si>
  <si>
    <t>9780191743641</t>
  </si>
  <si>
    <t>9780199542475</t>
  </si>
  <si>
    <t>https://academic.oup.com/edited-volume/35077</t>
  </si>
  <si>
    <t>10.1093/oxfordhb/9780199542475.001.0001</t>
  </si>
  <si>
    <t>Daniel Bodansky, Jutta Brunnée, Ellen Hey</t>
  </si>
  <si>
    <t>9780191743740</t>
  </si>
  <si>
    <t>9780199552153</t>
  </si>
  <si>
    <t>https://academic.oup.com/edited-volume/42625</t>
  </si>
  <si>
    <t>10.1093/law/9780199552153.001.0001</t>
  </si>
  <si>
    <t>Peter Muchlinski, Federico Ortino, Christoph Schreuer</t>
  </si>
  <si>
    <t>9780191743757</t>
  </si>
  <si>
    <t>9780199231386</t>
  </si>
  <si>
    <t>https://academic.oup.com/edited-volume/42604</t>
  </si>
  <si>
    <t>10.1093/law/9780199231386.001.0001</t>
  </si>
  <si>
    <t>Daniel Bethlehem, Isabelle Van Damme, Donald McRae, Rodney Neufeld</t>
  </si>
  <si>
    <t>9780191743764</t>
  </si>
  <si>
    <t>9780199231928</t>
  </si>
  <si>
    <t>https://academic.oup.com/edited-volume/43515</t>
  </si>
  <si>
    <t>10.1093/law/9780199231928.001.0001</t>
  </si>
  <si>
    <t>Jules L. Coleman, Kenneth Einar Himma, Scott J. Shapiro</t>
  </si>
  <si>
    <t>9780191743801</t>
  </si>
  <si>
    <t>9780199270972</t>
  </si>
  <si>
    <t>https://academic.oup.com/edited-volume/34507</t>
  </si>
  <si>
    <t>10.1093/oxfordhb/9780199270972.001.0001</t>
  </si>
  <si>
    <t>Mark Tushnet, Peter Cane</t>
  </si>
  <si>
    <t>9780191743832</t>
  </si>
  <si>
    <t>9780199248179</t>
  </si>
  <si>
    <t>https://academic.oup.com/edited-volume/28177</t>
  </si>
  <si>
    <t>10.1093/oxfordhb/9780199248179.001.0001</t>
  </si>
  <si>
    <t>Jeffrey N. Gordon, Wolf-Georg Ringe</t>
  </si>
  <si>
    <t>9780191803819</t>
  </si>
  <si>
    <t>9780198743682</t>
  </si>
  <si>
    <t>https://academic.oup.com/edited-volume/43491</t>
  </si>
  <si>
    <t>10.1093/oxfordhb/9780198743682.001.0001</t>
  </si>
  <si>
    <t>Markus D. Dubber, Tatjana Hörnle</t>
  </si>
  <si>
    <t>9780191751738</t>
  </si>
  <si>
    <t>9780199673599</t>
  </si>
  <si>
    <t>https://academic.oup.com/edited-volume/28196</t>
  </si>
  <si>
    <t>10.1093/oxfordhb/9780199673599.001.0001</t>
  </si>
  <si>
    <t>Damian Chalmers, Anthony Arnull</t>
  </si>
  <si>
    <t>9780191751431</t>
  </si>
  <si>
    <t>9780199672646</t>
  </si>
  <si>
    <t>https://academic.oup.com/edited-volume/28047</t>
  </si>
  <si>
    <t>10.1093/oxfordhb/9780199672646.001.0001</t>
  </si>
  <si>
    <t>Niamh Moloney, Eilís Ferran, Jennifer Payne</t>
  </si>
  <si>
    <t>9780191800702</t>
  </si>
  <si>
    <t>9780199687206</t>
  </si>
  <si>
    <t>https://academic.oup.com/edited-volume/28051</t>
  </si>
  <si>
    <t>10.1093/oxfordhb/9780199687206.001.0001</t>
  </si>
  <si>
    <t>Kevin R. Gray, Richard Tarasofsky, Cinnamon P. Carlarne</t>
  </si>
  <si>
    <t>9780191765070</t>
  </si>
  <si>
    <t>9780199684601</t>
  </si>
  <si>
    <t>https://academic.oup.com/edited-volume/42605</t>
  </si>
  <si>
    <t>10.1093/law/9780199684601.001.0001</t>
  </si>
  <si>
    <t>Anver M. Emon, Rumee Ahmed</t>
  </si>
  <si>
    <t>9780191758331</t>
  </si>
  <si>
    <t>9780199679010</t>
  </si>
  <si>
    <t>https://academic.oup.com/edited-volume/28121</t>
  </si>
  <si>
    <t>10.1093/oxfordhb/9780199679010.001.0001</t>
  </si>
  <si>
    <t>Law, Regulation and Technology</t>
  </si>
  <si>
    <t>the Law of the Sea</t>
  </si>
  <si>
    <t>the Theory of International Law</t>
  </si>
  <si>
    <t>the U.S. Constitution</t>
  </si>
  <si>
    <t>the Use of Force in International Law</t>
  </si>
  <si>
    <t>U.S. Health Law</t>
  </si>
  <si>
    <t>International Adjudication</t>
  </si>
  <si>
    <t>International Law in Armed Conflict</t>
  </si>
  <si>
    <t>International Human Rights Law</t>
  </si>
  <si>
    <t>the History of International Law</t>
  </si>
  <si>
    <t>Roger Brownsword, Eloise Scotford, Karen Yeung</t>
  </si>
  <si>
    <t>9780191800467</t>
  </si>
  <si>
    <t>9780199680832</t>
  </si>
  <si>
    <t>https://academic.oup.com/edited-volume/27999</t>
  </si>
  <si>
    <t>10.1093/oxfordhb/9780199680832.001.0001</t>
  </si>
  <si>
    <t>Donald Rothwell, Alex Oude Elferink, Karen Scott, Tim Stephens</t>
  </si>
  <si>
    <t>9780191915567</t>
  </si>
  <si>
    <t>9780198715481</t>
  </si>
  <si>
    <t>https://academic.oup.com/edited-volume/42608</t>
  </si>
  <si>
    <t>10.1093/law/9780198715481.001.0001</t>
  </si>
  <si>
    <t>Anne Orford, Florian Hoffmann</t>
  </si>
  <si>
    <t>9780191771705</t>
  </si>
  <si>
    <t>9780198701958</t>
  </si>
  <si>
    <t>https://academic.oup.com/edited-volume/42602</t>
  </si>
  <si>
    <t>10.1093/law/9780198701958.001.0001</t>
  </si>
  <si>
    <t>Mark Tushnet, Mark A. Graber, Sanford Levinson</t>
  </si>
  <si>
    <t>9780190245788</t>
  </si>
  <si>
    <t>9780190245757</t>
  </si>
  <si>
    <t>https://academic.oup.com/edited-volume/43727</t>
  </si>
  <si>
    <t>10.1093/oxfordhb/9780190245757.001.0001</t>
  </si>
  <si>
    <t>Marc Weller</t>
  </si>
  <si>
    <t>9780191760204</t>
  </si>
  <si>
    <t>9780199673049</t>
  </si>
  <si>
    <t>https://academic.oup.com/edited-volume/42607</t>
  </si>
  <si>
    <t>10.1093/law/9780199673049.001.0001</t>
  </si>
  <si>
    <t>I. Glenn Cohen, Allison K. Hoffman, William Sage</t>
  </si>
  <si>
    <t>9780199366545</t>
  </si>
  <si>
    <t>9780199366521</t>
  </si>
  <si>
    <t>https://academic.oup.com/edited-volume/27990</t>
  </si>
  <si>
    <t>10.1093/oxfordhb/9780199366521.001.0001</t>
  </si>
  <si>
    <t>Cesare P. R. Romano, Karen J. Alter, Yuval Shany</t>
  </si>
  <si>
    <t>9780191756788</t>
  </si>
  <si>
    <t>9780199660681</t>
  </si>
  <si>
    <t>https://academic.oup.com/edited-volume/42603</t>
  </si>
  <si>
    <t>10.1093/law/9780199660681.001.0001</t>
  </si>
  <si>
    <t>Andrew Clapham, Paola Gaeta</t>
  </si>
  <si>
    <t>9780191756528</t>
  </si>
  <si>
    <t>9780199559695</t>
  </si>
  <si>
    <t>https://academic.oup.com/edited-volume/43487</t>
  </si>
  <si>
    <t>10.1093/law/9780199559695.001.0001</t>
  </si>
  <si>
    <t>Dinah Shelton</t>
  </si>
  <si>
    <t>9780191756672</t>
  </si>
  <si>
    <t>9780199640133</t>
  </si>
  <si>
    <t>https://academic.oup.com/edited-volume/42626</t>
  </si>
  <si>
    <t>10.1093/law/9780199640133.001.0001</t>
  </si>
  <si>
    <t>Bardo Fassbender, Anne Peters</t>
  </si>
  <si>
    <t>9780191751974</t>
  </si>
  <si>
    <t>9780199599752</t>
  </si>
  <si>
    <t>https://academic.oup.com/edited-volume/43488</t>
  </si>
  <si>
    <t>10.1093/law/9780199599752.001.0001</t>
  </si>
  <si>
    <t>未契約</t>
    <rPh sb="0" eb="3">
      <t>ミケイヤク</t>
    </rPh>
    <phoneticPr fontId="2"/>
  </si>
  <si>
    <t>※　　　 は書籍収録チャプターのうち一部のフルコンテツが参照できません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b/>
      <sz val="9"/>
      <color rgb="FF000000"/>
      <name val="Calibri"/>
      <family val="2"/>
    </font>
    <font>
      <sz val="6"/>
      <name val="游ゴシック"/>
      <family val="2"/>
      <charset val="128"/>
      <scheme val="minor"/>
    </font>
    <font>
      <sz val="9"/>
      <color rgb="FF000000"/>
      <name val="Calibri"/>
      <family val="2"/>
    </font>
    <font>
      <sz val="9"/>
      <color rgb="FF000000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9"/>
      <color theme="1"/>
      <name val="游ゴシック"/>
      <family val="2"/>
      <scheme val="minor"/>
    </font>
    <font>
      <sz val="9"/>
      <color rgb="FF000000"/>
      <name val="ＭＳ Ｐゴシック"/>
      <family val="2"/>
      <charset val="128"/>
    </font>
  </fonts>
  <fills count="5">
    <fill>
      <patternFill patternType="none"/>
    </fill>
    <fill>
      <patternFill patternType="gray125"/>
    </fill>
    <fill>
      <patternFill patternType="solid">
        <fgColor rgb="FFC0C0C0"/>
        <bgColor rgb="FFC0C0C0"/>
      </patternFill>
    </fill>
    <fill>
      <patternFill patternType="solid">
        <fgColor theme="8" tint="0.59999389629810485"/>
        <bgColor indexed="64"/>
      </patternFill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8">
    <xf numFmtId="0" fontId="0" fillId="0" borderId="0" xfId="0">
      <alignment vertical="center"/>
    </xf>
    <xf numFmtId="0" fontId="1" fillId="2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vertical="center" wrapText="1"/>
    </xf>
    <xf numFmtId="0" fontId="4" fillId="3" borderId="1" xfId="0" applyFont="1" applyFill="1" applyBorder="1" applyAlignment="1">
      <alignment vertical="center" wrapText="1"/>
    </xf>
    <xf numFmtId="0" fontId="3" fillId="4" borderId="1" xfId="0" applyFont="1" applyFill="1" applyBorder="1" applyAlignment="1">
      <alignment vertical="center" wrapText="1"/>
    </xf>
    <xf numFmtId="0" fontId="3" fillId="3" borderId="1" xfId="0" applyFont="1" applyFill="1" applyBorder="1" applyAlignment="1">
      <alignment vertical="center" wrapText="1"/>
    </xf>
    <xf numFmtId="0" fontId="3" fillId="0" borderId="1" xfId="0" applyFont="1" applyBorder="1" applyAlignment="1">
      <alignment vertical="center"/>
    </xf>
    <xf numFmtId="0" fontId="0" fillId="0" borderId="0" xfId="0" applyAlignment="1">
      <alignment vertical="center"/>
    </xf>
    <xf numFmtId="0" fontId="7" fillId="4" borderId="1" xfId="0" applyFont="1" applyFill="1" applyBorder="1" applyAlignment="1">
      <alignment vertical="center" wrapText="1"/>
    </xf>
    <xf numFmtId="0" fontId="1" fillId="2" borderId="1" xfId="0" applyFont="1" applyFill="1" applyBorder="1" applyAlignment="1">
      <alignment horizontal="left" vertical="center"/>
    </xf>
    <xf numFmtId="0" fontId="3" fillId="0" borderId="1" xfId="0" applyFont="1" applyBorder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3" fillId="4" borderId="1" xfId="0" applyFont="1" applyFill="1" applyBorder="1" applyAlignment="1">
      <alignment horizontal="left" vertical="center" wrapText="1"/>
    </xf>
    <xf numFmtId="15" fontId="3" fillId="0" borderId="1" xfId="0" applyNumberFormat="1" applyFont="1" applyBorder="1" applyAlignment="1">
      <alignment horizontal="left" vertical="center" wrapText="1"/>
    </xf>
    <xf numFmtId="0" fontId="6" fillId="0" borderId="1" xfId="0" applyFont="1" applyBorder="1" applyAlignment="1">
      <alignment horizontal="left"/>
    </xf>
    <xf numFmtId="14" fontId="3" fillId="0" borderId="1" xfId="0" applyNumberFormat="1" applyFont="1" applyBorder="1" applyAlignment="1">
      <alignment horizontal="left" vertical="center"/>
    </xf>
    <xf numFmtId="0" fontId="3" fillId="4" borderId="1" xfId="0" applyFont="1" applyFill="1" applyBorder="1" applyAlignment="1">
      <alignment vertical="center"/>
    </xf>
    <xf numFmtId="0" fontId="0" fillId="0" borderId="2" xfId="0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32410</xdr:colOff>
      <xdr:row>45</xdr:row>
      <xdr:rowOff>26671</xdr:rowOff>
    </xdr:from>
    <xdr:to>
      <xdr:col>0</xdr:col>
      <xdr:colOff>600075</xdr:colOff>
      <xdr:row>45</xdr:row>
      <xdr:rowOff>190501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4E888F45-C23B-4D9C-9C08-5BD342B857C1}"/>
            </a:ext>
          </a:extLst>
        </xdr:cNvPr>
        <xdr:cNvSpPr/>
      </xdr:nvSpPr>
      <xdr:spPr>
        <a:xfrm>
          <a:off x="232410" y="9037321"/>
          <a:ext cx="367665" cy="163830"/>
        </a:xfrm>
        <a:prstGeom prst="rect">
          <a:avLst/>
        </a:prstGeom>
        <a:solidFill>
          <a:srgbClr val="FFFF00"/>
        </a:solid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A180C8-38E4-4AFE-9E25-C806809FD3B9}">
  <dimension ref="A1:Z46"/>
  <sheetViews>
    <sheetView tabSelected="1" workbookViewId="0">
      <selection activeCell="A48" sqref="A48"/>
    </sheetView>
  </sheetViews>
  <sheetFormatPr defaultRowHeight="18.75" x14ac:dyDescent="0.4"/>
  <cols>
    <col min="1" max="1" width="23.75" customWidth="1"/>
    <col min="2" max="2" width="38.25" customWidth="1"/>
    <col min="18" max="18" width="9" style="11"/>
    <col min="19" max="19" width="10" style="11" customWidth="1"/>
    <col min="20" max="22" width="11.375" style="7" customWidth="1"/>
    <col min="23" max="23" width="11.375" style="11" customWidth="1"/>
    <col min="24" max="24" width="11.375" style="7" customWidth="1"/>
    <col min="25" max="25" width="34.375" style="7" customWidth="1"/>
    <col min="26" max="26" width="30.625" style="7" customWidth="1"/>
  </cols>
  <sheetData>
    <row r="1" spans="1:26" ht="15.75" customHeight="1" x14ac:dyDescent="0.4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9" t="s">
        <v>17</v>
      </c>
      <c r="S1" s="9" t="s">
        <v>18</v>
      </c>
      <c r="T1" s="1" t="s">
        <v>19</v>
      </c>
      <c r="U1" s="1" t="s">
        <v>20</v>
      </c>
      <c r="V1" s="1" t="s">
        <v>21</v>
      </c>
      <c r="W1" s="9" t="s">
        <v>22</v>
      </c>
      <c r="X1" s="1" t="s">
        <v>23</v>
      </c>
      <c r="Y1" s="1" t="s">
        <v>24</v>
      </c>
      <c r="Z1" s="1" t="s">
        <v>25</v>
      </c>
    </row>
    <row r="2" spans="1:26" ht="15.75" customHeight="1" x14ac:dyDescent="0.4">
      <c r="A2" s="2" t="s">
        <v>160</v>
      </c>
      <c r="B2" s="2" t="s">
        <v>161</v>
      </c>
      <c r="C2" s="3" t="s">
        <v>48</v>
      </c>
      <c r="D2" s="2" t="s">
        <v>49</v>
      </c>
      <c r="E2" s="2" t="s">
        <v>49</v>
      </c>
      <c r="F2" s="2" t="s">
        <v>49</v>
      </c>
      <c r="G2" s="2" t="s">
        <v>49</v>
      </c>
      <c r="H2" s="2" t="s">
        <v>49</v>
      </c>
      <c r="I2" s="2" t="s">
        <v>49</v>
      </c>
      <c r="J2" s="2" t="s">
        <v>49</v>
      </c>
      <c r="K2" s="2" t="s">
        <v>49</v>
      </c>
      <c r="L2" s="2" t="s">
        <v>49</v>
      </c>
      <c r="M2" s="2" t="s">
        <v>49</v>
      </c>
      <c r="N2" s="2" t="s">
        <v>49</v>
      </c>
      <c r="O2" s="2" t="s">
        <v>49</v>
      </c>
      <c r="P2" s="2" t="s">
        <v>49</v>
      </c>
      <c r="Q2" s="2" t="s">
        <v>49</v>
      </c>
      <c r="R2" s="10" t="s">
        <v>50</v>
      </c>
      <c r="S2" s="13">
        <v>41234</v>
      </c>
      <c r="T2" s="6" t="s">
        <v>175</v>
      </c>
      <c r="U2" s="6" t="s">
        <v>176</v>
      </c>
      <c r="V2" s="6" t="s">
        <v>177</v>
      </c>
      <c r="W2" s="15">
        <v>41046</v>
      </c>
      <c r="X2" s="6" t="s">
        <v>54</v>
      </c>
      <c r="Y2" s="6" t="s">
        <v>178</v>
      </c>
      <c r="Z2" s="6" t="s">
        <v>179</v>
      </c>
    </row>
    <row r="3" spans="1:26" ht="15.75" customHeight="1" x14ac:dyDescent="0.4">
      <c r="A3" s="2" t="s">
        <v>160</v>
      </c>
      <c r="B3" s="2" t="s">
        <v>162</v>
      </c>
      <c r="C3" s="3" t="s">
        <v>48</v>
      </c>
      <c r="D3" s="2" t="s">
        <v>49</v>
      </c>
      <c r="E3" s="2" t="s">
        <v>49</v>
      </c>
      <c r="F3" s="2" t="s">
        <v>49</v>
      </c>
      <c r="G3" s="2" t="s">
        <v>49</v>
      </c>
      <c r="H3" s="2" t="s">
        <v>49</v>
      </c>
      <c r="I3" s="2" t="s">
        <v>49</v>
      </c>
      <c r="J3" s="2" t="s">
        <v>49</v>
      </c>
      <c r="K3" s="2" t="s">
        <v>49</v>
      </c>
      <c r="L3" s="2" t="s">
        <v>49</v>
      </c>
      <c r="M3" s="2" t="s">
        <v>49</v>
      </c>
      <c r="N3" s="2" t="s">
        <v>49</v>
      </c>
      <c r="O3" s="2" t="s">
        <v>49</v>
      </c>
      <c r="P3" s="2" t="s">
        <v>49</v>
      </c>
      <c r="Q3" s="2" t="s">
        <v>49</v>
      </c>
      <c r="R3" s="10" t="s">
        <v>50</v>
      </c>
      <c r="S3" s="13">
        <v>41170</v>
      </c>
      <c r="T3" s="6" t="s">
        <v>180</v>
      </c>
      <c r="U3" s="6" t="s">
        <v>181</v>
      </c>
      <c r="V3" s="6" t="s">
        <v>182</v>
      </c>
      <c r="W3" s="15">
        <v>39037</v>
      </c>
      <c r="X3" s="6" t="s">
        <v>54</v>
      </c>
      <c r="Y3" s="6" t="s">
        <v>183</v>
      </c>
      <c r="Z3" s="6" t="s">
        <v>184</v>
      </c>
    </row>
    <row r="4" spans="1:26" ht="15.75" customHeight="1" x14ac:dyDescent="0.4">
      <c r="A4" s="2" t="s">
        <v>160</v>
      </c>
      <c r="B4" s="4" t="s">
        <v>169</v>
      </c>
      <c r="C4" s="2" t="s">
        <v>49</v>
      </c>
      <c r="D4" s="2" t="s">
        <v>49</v>
      </c>
      <c r="E4" s="2" t="s">
        <v>49</v>
      </c>
      <c r="F4" s="2" t="s">
        <v>49</v>
      </c>
      <c r="G4" s="3" t="s">
        <v>48</v>
      </c>
      <c r="H4" s="3" t="s">
        <v>48</v>
      </c>
      <c r="I4" s="8" t="s">
        <v>305</v>
      </c>
      <c r="J4" s="8" t="s">
        <v>305</v>
      </c>
      <c r="K4" s="2" t="s">
        <v>49</v>
      </c>
      <c r="L4" s="2" t="s">
        <v>49</v>
      </c>
      <c r="M4" s="2" t="s">
        <v>49</v>
      </c>
      <c r="N4" s="2" t="s">
        <v>49</v>
      </c>
      <c r="O4" s="2" t="s">
        <v>49</v>
      </c>
      <c r="P4" s="2" t="s">
        <v>49</v>
      </c>
      <c r="Q4" s="2" t="s">
        <v>49</v>
      </c>
      <c r="R4" s="12" t="s">
        <v>117</v>
      </c>
      <c r="S4" s="13">
        <v>43258</v>
      </c>
      <c r="T4" s="6" t="s">
        <v>215</v>
      </c>
      <c r="U4" s="6" t="s">
        <v>216</v>
      </c>
      <c r="V4" s="6" t="s">
        <v>217</v>
      </c>
      <c r="W4" s="15">
        <v>43237</v>
      </c>
      <c r="X4" s="16" t="s">
        <v>108</v>
      </c>
      <c r="Y4" s="6" t="s">
        <v>218</v>
      </c>
      <c r="Z4" s="6" t="s">
        <v>219</v>
      </c>
    </row>
    <row r="5" spans="1:26" ht="15.75" customHeight="1" x14ac:dyDescent="0.4">
      <c r="A5" s="2" t="s">
        <v>160</v>
      </c>
      <c r="B5" s="2" t="s">
        <v>170</v>
      </c>
      <c r="C5" s="2" t="s">
        <v>49</v>
      </c>
      <c r="D5" s="2" t="s">
        <v>49</v>
      </c>
      <c r="E5" s="2" t="s">
        <v>49</v>
      </c>
      <c r="F5" s="2" t="s">
        <v>49</v>
      </c>
      <c r="G5" s="3" t="s">
        <v>48</v>
      </c>
      <c r="H5" s="2" t="s">
        <v>49</v>
      </c>
      <c r="I5" s="2" t="s">
        <v>49</v>
      </c>
      <c r="J5" s="2" t="s">
        <v>49</v>
      </c>
      <c r="K5" s="2" t="s">
        <v>49</v>
      </c>
      <c r="L5" s="2" t="s">
        <v>49</v>
      </c>
      <c r="M5" s="2" t="s">
        <v>49</v>
      </c>
      <c r="N5" s="2" t="s">
        <v>49</v>
      </c>
      <c r="O5" s="2" t="s">
        <v>49</v>
      </c>
      <c r="P5" s="2" t="s">
        <v>49</v>
      </c>
      <c r="Q5" s="2" t="s">
        <v>49</v>
      </c>
      <c r="R5" s="10" t="s">
        <v>116</v>
      </c>
      <c r="S5" s="13">
        <v>42067</v>
      </c>
      <c r="T5" s="6" t="s">
        <v>220</v>
      </c>
      <c r="U5" s="6" t="s">
        <v>221</v>
      </c>
      <c r="V5" s="6" t="s">
        <v>222</v>
      </c>
      <c r="W5" s="15">
        <v>41970</v>
      </c>
      <c r="X5" s="6" t="s">
        <v>54</v>
      </c>
      <c r="Y5" s="6" t="s">
        <v>223</v>
      </c>
      <c r="Z5" s="6" t="s">
        <v>224</v>
      </c>
    </row>
    <row r="6" spans="1:26" ht="15.75" customHeight="1" x14ac:dyDescent="0.4">
      <c r="A6" s="2" t="s">
        <v>160</v>
      </c>
      <c r="B6" s="2" t="s">
        <v>163</v>
      </c>
      <c r="C6" s="3" t="s">
        <v>48</v>
      </c>
      <c r="D6" s="2" t="s">
        <v>49</v>
      </c>
      <c r="E6" s="2" t="s">
        <v>49</v>
      </c>
      <c r="F6" s="2" t="s">
        <v>49</v>
      </c>
      <c r="G6" s="2" t="s">
        <v>49</v>
      </c>
      <c r="H6" s="2" t="s">
        <v>49</v>
      </c>
      <c r="I6" s="2" t="s">
        <v>49</v>
      </c>
      <c r="J6" s="2" t="s">
        <v>49</v>
      </c>
      <c r="K6" s="2" t="s">
        <v>49</v>
      </c>
      <c r="L6" s="2" t="s">
        <v>49</v>
      </c>
      <c r="M6" s="2" t="s">
        <v>49</v>
      </c>
      <c r="N6" s="2" t="s">
        <v>49</v>
      </c>
      <c r="O6" s="2" t="s">
        <v>49</v>
      </c>
      <c r="P6" s="2" t="s">
        <v>49</v>
      </c>
      <c r="Q6" s="2" t="s">
        <v>49</v>
      </c>
      <c r="R6" s="10" t="s">
        <v>50</v>
      </c>
      <c r="S6" s="13">
        <v>41170</v>
      </c>
      <c r="T6" s="6" t="s">
        <v>185</v>
      </c>
      <c r="U6" s="6" t="s">
        <v>186</v>
      </c>
      <c r="V6" s="6" t="s">
        <v>187</v>
      </c>
      <c r="W6" s="15">
        <v>40493</v>
      </c>
      <c r="X6" s="6" t="s">
        <v>54</v>
      </c>
      <c r="Y6" s="6" t="s">
        <v>188</v>
      </c>
      <c r="Z6" s="6" t="s">
        <v>189</v>
      </c>
    </row>
    <row r="7" spans="1:26" ht="15.75" customHeight="1" x14ac:dyDescent="0.4">
      <c r="A7" s="2" t="s">
        <v>160</v>
      </c>
      <c r="B7" s="2" t="s">
        <v>171</v>
      </c>
      <c r="C7" s="2" t="s">
        <v>49</v>
      </c>
      <c r="D7" s="2" t="s">
        <v>49</v>
      </c>
      <c r="E7" s="2" t="s">
        <v>49</v>
      </c>
      <c r="F7" s="2" t="s">
        <v>49</v>
      </c>
      <c r="G7" s="3" t="s">
        <v>48</v>
      </c>
      <c r="H7" s="2" t="s">
        <v>49</v>
      </c>
      <c r="I7" s="2" t="s">
        <v>49</v>
      </c>
      <c r="J7" s="2" t="s">
        <v>49</v>
      </c>
      <c r="K7" s="2" t="s">
        <v>49</v>
      </c>
      <c r="L7" s="2" t="s">
        <v>49</v>
      </c>
      <c r="M7" s="2" t="s">
        <v>49</v>
      </c>
      <c r="N7" s="2" t="s">
        <v>49</v>
      </c>
      <c r="O7" s="2" t="s">
        <v>49</v>
      </c>
      <c r="P7" s="2" t="s">
        <v>49</v>
      </c>
      <c r="Q7" s="2" t="s">
        <v>49</v>
      </c>
      <c r="R7" s="10" t="s">
        <v>116</v>
      </c>
      <c r="S7" s="13">
        <v>42320</v>
      </c>
      <c r="T7" s="6" t="s">
        <v>225</v>
      </c>
      <c r="U7" s="6" t="s">
        <v>226</v>
      </c>
      <c r="V7" s="6" t="s">
        <v>227</v>
      </c>
      <c r="W7" s="15">
        <v>42208</v>
      </c>
      <c r="X7" s="6" t="s">
        <v>108</v>
      </c>
      <c r="Y7" s="6" t="s">
        <v>228</v>
      </c>
      <c r="Z7" s="6" t="s">
        <v>229</v>
      </c>
    </row>
    <row r="8" spans="1:26" ht="15.75" customHeight="1" x14ac:dyDescent="0.4">
      <c r="A8" s="2" t="s">
        <v>160</v>
      </c>
      <c r="B8" s="2" t="s">
        <v>172</v>
      </c>
      <c r="C8" s="2" t="s">
        <v>49</v>
      </c>
      <c r="D8" s="2" t="s">
        <v>49</v>
      </c>
      <c r="E8" s="2" t="s">
        <v>49</v>
      </c>
      <c r="F8" s="2" t="s">
        <v>49</v>
      </c>
      <c r="G8" s="3" t="s">
        <v>48</v>
      </c>
      <c r="H8" s="2" t="s">
        <v>49</v>
      </c>
      <c r="I8" s="2" t="s">
        <v>49</v>
      </c>
      <c r="J8" s="2" t="s">
        <v>49</v>
      </c>
      <c r="K8" s="2" t="s">
        <v>49</v>
      </c>
      <c r="L8" s="2" t="s">
        <v>49</v>
      </c>
      <c r="M8" s="2" t="s">
        <v>49</v>
      </c>
      <c r="N8" s="2" t="s">
        <v>49</v>
      </c>
      <c r="O8" s="2" t="s">
        <v>49</v>
      </c>
      <c r="P8" s="2" t="s">
        <v>49</v>
      </c>
      <c r="Q8" s="2" t="s">
        <v>49</v>
      </c>
      <c r="R8" s="10" t="s">
        <v>116</v>
      </c>
      <c r="S8" s="13">
        <v>42320</v>
      </c>
      <c r="T8" s="6" t="s">
        <v>230</v>
      </c>
      <c r="U8" s="6" t="s">
        <v>231</v>
      </c>
      <c r="V8" s="6" t="s">
        <v>232</v>
      </c>
      <c r="W8" s="15">
        <v>42243</v>
      </c>
      <c r="X8" s="6" t="s">
        <v>54</v>
      </c>
      <c r="Y8" s="6" t="s">
        <v>233</v>
      </c>
      <c r="Z8" s="6" t="s">
        <v>234</v>
      </c>
    </row>
    <row r="9" spans="1:26" ht="15.75" customHeight="1" x14ac:dyDescent="0.4">
      <c r="A9" s="2" t="s">
        <v>160</v>
      </c>
      <c r="B9" s="2" t="s">
        <v>251</v>
      </c>
      <c r="C9" s="2" t="s">
        <v>49</v>
      </c>
      <c r="D9" s="2" t="s">
        <v>49</v>
      </c>
      <c r="E9" s="2" t="s">
        <v>49</v>
      </c>
      <c r="F9" s="3" t="s">
        <v>48</v>
      </c>
      <c r="G9" s="2" t="s">
        <v>49</v>
      </c>
      <c r="H9" s="2" t="s">
        <v>49</v>
      </c>
      <c r="I9" s="2" t="s">
        <v>49</v>
      </c>
      <c r="J9" s="2" t="s">
        <v>49</v>
      </c>
      <c r="K9" s="2" t="s">
        <v>49</v>
      </c>
      <c r="L9" s="2" t="s">
        <v>49</v>
      </c>
      <c r="M9" s="2" t="s">
        <v>49</v>
      </c>
      <c r="N9" s="2" t="s">
        <v>49</v>
      </c>
      <c r="O9" s="2" t="s">
        <v>49</v>
      </c>
      <c r="P9" s="2" t="s">
        <v>49</v>
      </c>
      <c r="Q9" s="2" t="s">
        <v>49</v>
      </c>
      <c r="R9" s="10" t="s">
        <v>133</v>
      </c>
      <c r="S9" s="13">
        <v>41673</v>
      </c>
      <c r="T9" s="6" t="s">
        <v>285</v>
      </c>
      <c r="U9" s="6" t="s">
        <v>286</v>
      </c>
      <c r="V9" s="6" t="s">
        <v>287</v>
      </c>
      <c r="W9" s="15">
        <v>41655</v>
      </c>
      <c r="X9" s="6" t="s">
        <v>54</v>
      </c>
      <c r="Y9" s="6" t="s">
        <v>288</v>
      </c>
      <c r="Z9" s="6" t="s">
        <v>289</v>
      </c>
    </row>
    <row r="10" spans="1:26" ht="15.75" customHeight="1" x14ac:dyDescent="0.4">
      <c r="A10" s="2" t="s">
        <v>160</v>
      </c>
      <c r="B10" s="2" t="s">
        <v>173</v>
      </c>
      <c r="C10" s="2" t="s">
        <v>49</v>
      </c>
      <c r="D10" s="2" t="s">
        <v>49</v>
      </c>
      <c r="E10" s="2" t="s">
        <v>49</v>
      </c>
      <c r="F10" s="2" t="s">
        <v>49</v>
      </c>
      <c r="G10" s="2" t="s">
        <v>49</v>
      </c>
      <c r="H10" s="3" t="s">
        <v>48</v>
      </c>
      <c r="I10" s="2" t="s">
        <v>49</v>
      </c>
      <c r="J10" s="2" t="s">
        <v>49</v>
      </c>
      <c r="K10" s="2" t="s">
        <v>49</v>
      </c>
      <c r="L10" s="2" t="s">
        <v>49</v>
      </c>
      <c r="M10" s="2" t="s">
        <v>49</v>
      </c>
      <c r="N10" s="2" t="s">
        <v>49</v>
      </c>
      <c r="O10" s="2" t="s">
        <v>49</v>
      </c>
      <c r="P10" s="2" t="s">
        <v>49</v>
      </c>
      <c r="Q10" s="2" t="s">
        <v>49</v>
      </c>
      <c r="R10" s="10" t="s">
        <v>109</v>
      </c>
      <c r="S10" s="13">
        <v>42676</v>
      </c>
      <c r="T10" s="6" t="s">
        <v>235</v>
      </c>
      <c r="U10" s="6" t="s">
        <v>236</v>
      </c>
      <c r="V10" s="6" t="s">
        <v>237</v>
      </c>
      <c r="W10" s="15">
        <v>42453</v>
      </c>
      <c r="X10" s="6" t="s">
        <v>54</v>
      </c>
      <c r="Y10" s="6" t="s">
        <v>238</v>
      </c>
      <c r="Z10" s="6" t="s">
        <v>239</v>
      </c>
    </row>
    <row r="11" spans="1:26" ht="15.75" customHeight="1" x14ac:dyDescent="0.4">
      <c r="A11" s="2" t="s">
        <v>160</v>
      </c>
      <c r="B11" s="2" t="s">
        <v>164</v>
      </c>
      <c r="C11" s="3" t="s">
        <v>48</v>
      </c>
      <c r="D11" s="2" t="s">
        <v>49</v>
      </c>
      <c r="E11" s="2" t="s">
        <v>49</v>
      </c>
      <c r="F11" s="2" t="s">
        <v>49</v>
      </c>
      <c r="G11" s="2" t="s">
        <v>49</v>
      </c>
      <c r="H11" s="2" t="s">
        <v>49</v>
      </c>
      <c r="I11" s="2" t="s">
        <v>49</v>
      </c>
      <c r="J11" s="2" t="s">
        <v>49</v>
      </c>
      <c r="K11" s="2" t="s">
        <v>49</v>
      </c>
      <c r="L11" s="2" t="s">
        <v>49</v>
      </c>
      <c r="M11" s="2" t="s">
        <v>49</v>
      </c>
      <c r="N11" s="2" t="s">
        <v>49</v>
      </c>
      <c r="O11" s="2" t="s">
        <v>49</v>
      </c>
      <c r="P11" s="2" t="s">
        <v>49</v>
      </c>
      <c r="Q11" s="2" t="s">
        <v>49</v>
      </c>
      <c r="R11" s="10" t="s">
        <v>50</v>
      </c>
      <c r="S11" s="13">
        <v>41170</v>
      </c>
      <c r="T11" s="6" t="s">
        <v>190</v>
      </c>
      <c r="U11" s="6" t="s">
        <v>191</v>
      </c>
      <c r="V11" s="6" t="s">
        <v>192</v>
      </c>
      <c r="W11" s="15">
        <v>39694</v>
      </c>
      <c r="X11" s="6" t="s">
        <v>54</v>
      </c>
      <c r="Y11" s="6" t="s">
        <v>193</v>
      </c>
      <c r="Z11" s="6" t="s">
        <v>194</v>
      </c>
    </row>
    <row r="12" spans="1:26" ht="15.75" customHeight="1" x14ac:dyDescent="0.4">
      <c r="A12" s="2" t="s">
        <v>160</v>
      </c>
      <c r="B12" s="2" t="s">
        <v>253</v>
      </c>
      <c r="C12" s="2" t="s">
        <v>49</v>
      </c>
      <c r="D12" s="2" t="s">
        <v>49</v>
      </c>
      <c r="E12" s="3" t="s">
        <v>48</v>
      </c>
      <c r="F12" s="2" t="s">
        <v>49</v>
      </c>
      <c r="G12" s="2" t="s">
        <v>49</v>
      </c>
      <c r="H12" s="2" t="s">
        <v>49</v>
      </c>
      <c r="I12" s="2" t="s">
        <v>49</v>
      </c>
      <c r="J12" s="2" t="s">
        <v>49</v>
      </c>
      <c r="K12" s="2" t="s">
        <v>49</v>
      </c>
      <c r="L12" s="2" t="s">
        <v>49</v>
      </c>
      <c r="M12" s="2" t="s">
        <v>49</v>
      </c>
      <c r="N12" s="2" t="s">
        <v>49</v>
      </c>
      <c r="O12" s="2" t="s">
        <v>49</v>
      </c>
      <c r="P12" s="2" t="s">
        <v>49</v>
      </c>
      <c r="Q12" s="2" t="s">
        <v>49</v>
      </c>
      <c r="R12" s="10" t="s">
        <v>134</v>
      </c>
      <c r="S12" s="13">
        <v>41624</v>
      </c>
      <c r="T12" s="6" t="s">
        <v>295</v>
      </c>
      <c r="U12" s="6" t="s">
        <v>296</v>
      </c>
      <c r="V12" s="6" t="s">
        <v>297</v>
      </c>
      <c r="W12" s="15">
        <v>41565</v>
      </c>
      <c r="X12" s="6" t="s">
        <v>54</v>
      </c>
      <c r="Y12" s="6" t="s">
        <v>298</v>
      </c>
      <c r="Z12" s="6" t="s">
        <v>299</v>
      </c>
    </row>
    <row r="13" spans="1:26" ht="15.75" customHeight="1" x14ac:dyDescent="0.4">
      <c r="A13" s="2" t="s">
        <v>160</v>
      </c>
      <c r="B13" s="2" t="s">
        <v>165</v>
      </c>
      <c r="C13" s="3" t="s">
        <v>48</v>
      </c>
      <c r="D13" s="2" t="s">
        <v>49</v>
      </c>
      <c r="E13" s="2" t="s">
        <v>49</v>
      </c>
      <c r="F13" s="2" t="s">
        <v>49</v>
      </c>
      <c r="G13" s="2" t="s">
        <v>49</v>
      </c>
      <c r="H13" s="2" t="s">
        <v>49</v>
      </c>
      <c r="I13" s="2" t="s">
        <v>49</v>
      </c>
      <c r="J13" s="2" t="s">
        <v>49</v>
      </c>
      <c r="K13" s="2" t="s">
        <v>49</v>
      </c>
      <c r="L13" s="2" t="s">
        <v>49</v>
      </c>
      <c r="M13" s="2" t="s">
        <v>49</v>
      </c>
      <c r="N13" s="2" t="s">
        <v>49</v>
      </c>
      <c r="O13" s="2" t="s">
        <v>49</v>
      </c>
      <c r="P13" s="2" t="s">
        <v>49</v>
      </c>
      <c r="Q13" s="2" t="s">
        <v>49</v>
      </c>
      <c r="R13" s="10" t="s">
        <v>50</v>
      </c>
      <c r="S13" s="13">
        <v>41170</v>
      </c>
      <c r="T13" s="6" t="s">
        <v>195</v>
      </c>
      <c r="U13" s="6" t="s">
        <v>196</v>
      </c>
      <c r="V13" s="6" t="s">
        <v>197</v>
      </c>
      <c r="W13" s="15">
        <v>39625</v>
      </c>
      <c r="X13" s="6" t="s">
        <v>54</v>
      </c>
      <c r="Y13" s="6" t="s">
        <v>198</v>
      </c>
      <c r="Z13" s="6" t="s">
        <v>199</v>
      </c>
    </row>
    <row r="14" spans="1:26" ht="15.75" customHeight="1" x14ac:dyDescent="0.4">
      <c r="A14" s="2" t="s">
        <v>160</v>
      </c>
      <c r="B14" s="2" t="s">
        <v>252</v>
      </c>
      <c r="C14" s="2" t="s">
        <v>49</v>
      </c>
      <c r="D14" s="2" t="s">
        <v>49</v>
      </c>
      <c r="E14" s="2" t="s">
        <v>49</v>
      </c>
      <c r="F14" s="3" t="s">
        <v>48</v>
      </c>
      <c r="G14" s="2" t="s">
        <v>49</v>
      </c>
      <c r="H14" s="2" t="s">
        <v>49</v>
      </c>
      <c r="I14" s="2" t="s">
        <v>49</v>
      </c>
      <c r="J14" s="2" t="s">
        <v>49</v>
      </c>
      <c r="K14" s="2" t="s">
        <v>49</v>
      </c>
      <c r="L14" s="2" t="s">
        <v>49</v>
      </c>
      <c r="M14" s="2" t="s">
        <v>49</v>
      </c>
      <c r="N14" s="2" t="s">
        <v>49</v>
      </c>
      <c r="O14" s="2" t="s">
        <v>49</v>
      </c>
      <c r="P14" s="2" t="s">
        <v>49</v>
      </c>
      <c r="Q14" s="2" t="s">
        <v>49</v>
      </c>
      <c r="R14" s="10" t="s">
        <v>133</v>
      </c>
      <c r="S14" s="13">
        <v>41792</v>
      </c>
      <c r="T14" s="6" t="s">
        <v>290</v>
      </c>
      <c r="U14" s="6" t="s">
        <v>291</v>
      </c>
      <c r="V14" s="6" t="s">
        <v>292</v>
      </c>
      <c r="W14" s="15">
        <v>41711</v>
      </c>
      <c r="X14" s="6" t="s">
        <v>54</v>
      </c>
      <c r="Y14" s="6" t="s">
        <v>293</v>
      </c>
      <c r="Z14" s="6" t="s">
        <v>294</v>
      </c>
    </row>
    <row r="15" spans="1:26" ht="15.75" customHeight="1" x14ac:dyDescent="0.4">
      <c r="A15" s="2" t="s">
        <v>160</v>
      </c>
      <c r="B15" s="2" t="s">
        <v>166</v>
      </c>
      <c r="C15" s="3" t="s">
        <v>48</v>
      </c>
      <c r="D15" s="2" t="s">
        <v>49</v>
      </c>
      <c r="E15" s="2" t="s">
        <v>49</v>
      </c>
      <c r="F15" s="2" t="s">
        <v>49</v>
      </c>
      <c r="G15" s="2" t="s">
        <v>49</v>
      </c>
      <c r="H15" s="2" t="s">
        <v>49</v>
      </c>
      <c r="I15" s="2" t="s">
        <v>49</v>
      </c>
      <c r="J15" s="2" t="s">
        <v>49</v>
      </c>
      <c r="K15" s="2" t="s">
        <v>49</v>
      </c>
      <c r="L15" s="2" t="s">
        <v>49</v>
      </c>
      <c r="M15" s="2" t="s">
        <v>49</v>
      </c>
      <c r="N15" s="2" t="s">
        <v>49</v>
      </c>
      <c r="O15" s="2" t="s">
        <v>49</v>
      </c>
      <c r="P15" s="2" t="s">
        <v>49</v>
      </c>
      <c r="Q15" s="2" t="s">
        <v>49</v>
      </c>
      <c r="R15" s="10" t="s">
        <v>50</v>
      </c>
      <c r="S15" s="13">
        <v>41170</v>
      </c>
      <c r="T15" s="6" t="s">
        <v>200</v>
      </c>
      <c r="U15" s="6" t="s">
        <v>201</v>
      </c>
      <c r="V15" s="6" t="s">
        <v>202</v>
      </c>
      <c r="W15" s="15">
        <v>39821</v>
      </c>
      <c r="X15" s="6" t="s">
        <v>54</v>
      </c>
      <c r="Y15" s="6" t="s">
        <v>203</v>
      </c>
      <c r="Z15" s="6" t="s">
        <v>204</v>
      </c>
    </row>
    <row r="16" spans="1:26" ht="15.75" customHeight="1" x14ac:dyDescent="0.4">
      <c r="A16" s="2" t="s">
        <v>160</v>
      </c>
      <c r="B16" s="4" t="s">
        <v>174</v>
      </c>
      <c r="C16" s="2" t="s">
        <v>49</v>
      </c>
      <c r="D16" s="2" t="s">
        <v>49</v>
      </c>
      <c r="E16" s="2" t="s">
        <v>49</v>
      </c>
      <c r="F16" s="2" t="s">
        <v>49</v>
      </c>
      <c r="G16" s="3" t="s">
        <v>48</v>
      </c>
      <c r="H16" s="3" t="s">
        <v>48</v>
      </c>
      <c r="I16" s="8" t="s">
        <v>305</v>
      </c>
      <c r="J16" s="8" t="s">
        <v>305</v>
      </c>
      <c r="K16" s="2" t="s">
        <v>49</v>
      </c>
      <c r="L16" s="2" t="s">
        <v>49</v>
      </c>
      <c r="M16" s="2" t="s">
        <v>49</v>
      </c>
      <c r="N16" s="2" t="s">
        <v>49</v>
      </c>
      <c r="O16" s="2" t="s">
        <v>49</v>
      </c>
      <c r="P16" s="2" t="s">
        <v>49</v>
      </c>
      <c r="Q16" s="2" t="s">
        <v>49</v>
      </c>
      <c r="R16" s="12" t="s">
        <v>117</v>
      </c>
      <c r="S16" s="13">
        <v>43445</v>
      </c>
      <c r="T16" s="6" t="s">
        <v>240</v>
      </c>
      <c r="U16" s="6" t="s">
        <v>241</v>
      </c>
      <c r="V16" s="6" t="s">
        <v>242</v>
      </c>
      <c r="W16" s="15">
        <v>43412</v>
      </c>
      <c r="X16" s="16" t="s">
        <v>108</v>
      </c>
      <c r="Y16" s="6" t="s">
        <v>243</v>
      </c>
      <c r="Z16" s="6" t="s">
        <v>244</v>
      </c>
    </row>
    <row r="17" spans="1:26" ht="15.75" customHeight="1" x14ac:dyDescent="0.4">
      <c r="A17" s="2" t="s">
        <v>160</v>
      </c>
      <c r="B17" s="2" t="s">
        <v>167</v>
      </c>
      <c r="C17" s="3" t="s">
        <v>48</v>
      </c>
      <c r="D17" s="2" t="s">
        <v>49</v>
      </c>
      <c r="E17" s="2" t="s">
        <v>49</v>
      </c>
      <c r="F17" s="2" t="s">
        <v>49</v>
      </c>
      <c r="G17" s="2" t="s">
        <v>49</v>
      </c>
      <c r="H17" s="2" t="s">
        <v>49</v>
      </c>
      <c r="I17" s="2" t="s">
        <v>49</v>
      </c>
      <c r="J17" s="2" t="s">
        <v>49</v>
      </c>
      <c r="K17" s="2" t="s">
        <v>49</v>
      </c>
      <c r="L17" s="2" t="s">
        <v>49</v>
      </c>
      <c r="M17" s="2" t="s">
        <v>49</v>
      </c>
      <c r="N17" s="2" t="s">
        <v>49</v>
      </c>
      <c r="O17" s="2" t="s">
        <v>49</v>
      </c>
      <c r="P17" s="2" t="s">
        <v>49</v>
      </c>
      <c r="Q17" s="2" t="s">
        <v>49</v>
      </c>
      <c r="R17" s="10" t="s">
        <v>50</v>
      </c>
      <c r="S17" s="13">
        <v>41170</v>
      </c>
      <c r="T17" s="6" t="s">
        <v>205</v>
      </c>
      <c r="U17" s="6" t="s">
        <v>206</v>
      </c>
      <c r="V17" s="6" t="s">
        <v>207</v>
      </c>
      <c r="W17" s="15">
        <v>38053</v>
      </c>
      <c r="X17" s="6" t="s">
        <v>54</v>
      </c>
      <c r="Y17" s="6" t="s">
        <v>208</v>
      </c>
      <c r="Z17" s="6" t="s">
        <v>209</v>
      </c>
    </row>
    <row r="18" spans="1:26" ht="15.75" customHeight="1" x14ac:dyDescent="0.4">
      <c r="A18" s="2" t="s">
        <v>160</v>
      </c>
      <c r="B18" s="4" t="s">
        <v>245</v>
      </c>
      <c r="C18" s="2" t="s">
        <v>49</v>
      </c>
      <c r="D18" s="2" t="s">
        <v>49</v>
      </c>
      <c r="E18" s="2" t="s">
        <v>49</v>
      </c>
      <c r="F18" s="2" t="s">
        <v>49</v>
      </c>
      <c r="G18" s="2" t="s">
        <v>49</v>
      </c>
      <c r="H18" s="3" t="s">
        <v>48</v>
      </c>
      <c r="I18" s="8" t="s">
        <v>305</v>
      </c>
      <c r="J18" s="2" t="s">
        <v>49</v>
      </c>
      <c r="K18" s="2" t="s">
        <v>49</v>
      </c>
      <c r="L18" s="2" t="s">
        <v>49</v>
      </c>
      <c r="M18" s="2" t="s">
        <v>49</v>
      </c>
      <c r="N18" s="2" t="s">
        <v>49</v>
      </c>
      <c r="O18" s="2" t="s">
        <v>49</v>
      </c>
      <c r="P18" s="2" t="s">
        <v>49</v>
      </c>
      <c r="Q18" s="2" t="s">
        <v>49</v>
      </c>
      <c r="R18" s="12" t="s">
        <v>110</v>
      </c>
      <c r="S18" s="13">
        <v>42957</v>
      </c>
      <c r="T18" s="6" t="s">
        <v>255</v>
      </c>
      <c r="U18" s="6" t="s">
        <v>256</v>
      </c>
      <c r="V18" s="6" t="s">
        <v>257</v>
      </c>
      <c r="W18" s="15">
        <v>42936</v>
      </c>
      <c r="X18" s="16" t="s">
        <v>108</v>
      </c>
      <c r="Y18" s="6" t="s">
        <v>258</v>
      </c>
      <c r="Z18" s="6" t="s">
        <v>259</v>
      </c>
    </row>
    <row r="19" spans="1:26" ht="15.75" customHeight="1" x14ac:dyDescent="0.4">
      <c r="A19" s="2" t="s">
        <v>160</v>
      </c>
      <c r="B19" s="2" t="s">
        <v>168</v>
      </c>
      <c r="C19" s="3" t="s">
        <v>48</v>
      </c>
      <c r="D19" s="2" t="s">
        <v>49</v>
      </c>
      <c r="E19" s="2" t="s">
        <v>49</v>
      </c>
      <c r="F19" s="2" t="s">
        <v>49</v>
      </c>
      <c r="G19" s="2" t="s">
        <v>49</v>
      </c>
      <c r="H19" s="2" t="s">
        <v>49</v>
      </c>
      <c r="I19" s="2" t="s">
        <v>49</v>
      </c>
      <c r="J19" s="2" t="s">
        <v>49</v>
      </c>
      <c r="K19" s="2" t="s">
        <v>49</v>
      </c>
      <c r="L19" s="2" t="s">
        <v>49</v>
      </c>
      <c r="M19" s="2" t="s">
        <v>49</v>
      </c>
      <c r="N19" s="2" t="s">
        <v>49</v>
      </c>
      <c r="O19" s="2" t="s">
        <v>49</v>
      </c>
      <c r="P19" s="2" t="s">
        <v>49</v>
      </c>
      <c r="Q19" s="2" t="s">
        <v>49</v>
      </c>
      <c r="R19" s="10" t="s">
        <v>50</v>
      </c>
      <c r="S19" s="13">
        <v>41170</v>
      </c>
      <c r="T19" s="6" t="s">
        <v>210</v>
      </c>
      <c r="U19" s="6" t="s">
        <v>211</v>
      </c>
      <c r="V19" s="6" t="s">
        <v>212</v>
      </c>
      <c r="W19" s="15">
        <v>37833</v>
      </c>
      <c r="X19" s="6" t="s">
        <v>54</v>
      </c>
      <c r="Y19" s="6" t="s">
        <v>213</v>
      </c>
      <c r="Z19" s="6" t="s">
        <v>214</v>
      </c>
    </row>
    <row r="20" spans="1:26" ht="15.75" customHeight="1" x14ac:dyDescent="0.4">
      <c r="A20" s="2" t="s">
        <v>160</v>
      </c>
      <c r="B20" s="2" t="s">
        <v>250</v>
      </c>
      <c r="C20" s="2" t="s">
        <v>49</v>
      </c>
      <c r="D20" s="2" t="s">
        <v>49</v>
      </c>
      <c r="E20" s="2" t="s">
        <v>49</v>
      </c>
      <c r="F20" s="2" t="s">
        <v>49</v>
      </c>
      <c r="G20" s="3" t="s">
        <v>48</v>
      </c>
      <c r="H20" s="3" t="s">
        <v>48</v>
      </c>
      <c r="I20" s="2" t="s">
        <v>49</v>
      </c>
      <c r="J20" s="2" t="s">
        <v>49</v>
      </c>
      <c r="K20" s="2" t="s">
        <v>49</v>
      </c>
      <c r="L20" s="2" t="s">
        <v>49</v>
      </c>
      <c r="M20" s="2" t="s">
        <v>49</v>
      </c>
      <c r="N20" s="2" t="s">
        <v>49</v>
      </c>
      <c r="O20" s="2" t="s">
        <v>49</v>
      </c>
      <c r="P20" s="2" t="s">
        <v>49</v>
      </c>
      <c r="Q20" s="2" t="s">
        <v>49</v>
      </c>
      <c r="R20" s="10" t="s">
        <v>109</v>
      </c>
      <c r="S20" s="13">
        <v>42709</v>
      </c>
      <c r="T20" s="6" t="s">
        <v>280</v>
      </c>
      <c r="U20" s="6" t="s">
        <v>281</v>
      </c>
      <c r="V20" s="6" t="s">
        <v>282</v>
      </c>
      <c r="W20" s="15">
        <v>42692</v>
      </c>
      <c r="X20" s="6" t="s">
        <v>108</v>
      </c>
      <c r="Y20" s="6" t="s">
        <v>283</v>
      </c>
      <c r="Z20" s="6" t="s">
        <v>284</v>
      </c>
    </row>
    <row r="21" spans="1:26" ht="15.75" customHeight="1" x14ac:dyDescent="0.4">
      <c r="A21" s="2" t="s">
        <v>160</v>
      </c>
      <c r="B21" s="2" t="s">
        <v>254</v>
      </c>
      <c r="C21" s="2" t="s">
        <v>49</v>
      </c>
      <c r="D21" s="3" t="s">
        <v>48</v>
      </c>
      <c r="E21" s="2" t="s">
        <v>49</v>
      </c>
      <c r="F21" s="2" t="s">
        <v>49</v>
      </c>
      <c r="G21" s="2" t="s">
        <v>49</v>
      </c>
      <c r="H21" s="2" t="s">
        <v>49</v>
      </c>
      <c r="I21" s="2" t="s">
        <v>49</v>
      </c>
      <c r="J21" s="2" t="s">
        <v>49</v>
      </c>
      <c r="K21" s="2" t="s">
        <v>49</v>
      </c>
      <c r="L21" s="2" t="s">
        <v>49</v>
      </c>
      <c r="M21" s="2" t="s">
        <v>49</v>
      </c>
      <c r="N21" s="2" t="s">
        <v>49</v>
      </c>
      <c r="O21" s="2" t="s">
        <v>49</v>
      </c>
      <c r="P21" s="2" t="s">
        <v>49</v>
      </c>
      <c r="Q21" s="2" t="s">
        <v>49</v>
      </c>
      <c r="R21" s="10" t="s">
        <v>135</v>
      </c>
      <c r="S21" s="13">
        <v>41271</v>
      </c>
      <c r="T21" s="6" t="s">
        <v>300</v>
      </c>
      <c r="U21" s="6" t="s">
        <v>301</v>
      </c>
      <c r="V21" s="6" t="s">
        <v>302</v>
      </c>
      <c r="W21" s="15">
        <v>41214</v>
      </c>
      <c r="X21" s="6" t="s">
        <v>54</v>
      </c>
      <c r="Y21" s="6" t="s">
        <v>303</v>
      </c>
      <c r="Z21" s="6" t="s">
        <v>304</v>
      </c>
    </row>
    <row r="22" spans="1:26" ht="15.75" customHeight="1" x14ac:dyDescent="0.4">
      <c r="A22" s="2" t="s">
        <v>160</v>
      </c>
      <c r="B22" s="2" t="s">
        <v>246</v>
      </c>
      <c r="C22" s="2" t="s">
        <v>49</v>
      </c>
      <c r="D22" s="2" t="s">
        <v>49</v>
      </c>
      <c r="E22" s="2" t="s">
        <v>49</v>
      </c>
      <c r="F22" s="2" t="s">
        <v>49</v>
      </c>
      <c r="G22" s="2" t="s">
        <v>49</v>
      </c>
      <c r="H22" s="3" t="s">
        <v>48</v>
      </c>
      <c r="I22" s="2" t="s">
        <v>49</v>
      </c>
      <c r="J22" s="2" t="s">
        <v>49</v>
      </c>
      <c r="K22" s="2" t="s">
        <v>49</v>
      </c>
      <c r="L22" s="2" t="s">
        <v>49</v>
      </c>
      <c r="M22" s="2" t="s">
        <v>49</v>
      </c>
      <c r="N22" s="2" t="s">
        <v>49</v>
      </c>
      <c r="O22" s="2" t="s">
        <v>49</v>
      </c>
      <c r="P22" s="2" t="s">
        <v>49</v>
      </c>
      <c r="Q22" s="2" t="s">
        <v>49</v>
      </c>
      <c r="R22" s="10" t="s">
        <v>109</v>
      </c>
      <c r="S22" s="13">
        <v>42523</v>
      </c>
      <c r="T22" s="6" t="s">
        <v>260</v>
      </c>
      <c r="U22" s="6" t="s">
        <v>261</v>
      </c>
      <c r="V22" s="6" t="s">
        <v>262</v>
      </c>
      <c r="W22" s="15">
        <v>42089</v>
      </c>
      <c r="X22" s="6" t="s">
        <v>54</v>
      </c>
      <c r="Y22" s="6" t="s">
        <v>263</v>
      </c>
      <c r="Z22" s="6" t="s">
        <v>264</v>
      </c>
    </row>
    <row r="23" spans="1:26" ht="15.75" customHeight="1" x14ac:dyDescent="0.4">
      <c r="A23" s="2" t="s">
        <v>160</v>
      </c>
      <c r="B23" s="2" t="s">
        <v>247</v>
      </c>
      <c r="C23" s="2" t="s">
        <v>49</v>
      </c>
      <c r="D23" s="2" t="s">
        <v>49</v>
      </c>
      <c r="E23" s="2" t="s">
        <v>49</v>
      </c>
      <c r="F23" s="2" t="s">
        <v>49</v>
      </c>
      <c r="G23" s="2" t="s">
        <v>49</v>
      </c>
      <c r="H23" s="3" t="s">
        <v>48</v>
      </c>
      <c r="I23" s="2" t="s">
        <v>49</v>
      </c>
      <c r="J23" s="2" t="s">
        <v>49</v>
      </c>
      <c r="K23" s="2" t="s">
        <v>49</v>
      </c>
      <c r="L23" s="2" t="s">
        <v>49</v>
      </c>
      <c r="M23" s="2" t="s">
        <v>49</v>
      </c>
      <c r="N23" s="2" t="s">
        <v>49</v>
      </c>
      <c r="O23" s="2" t="s">
        <v>49</v>
      </c>
      <c r="P23" s="2" t="s">
        <v>49</v>
      </c>
      <c r="Q23" s="2" t="s">
        <v>49</v>
      </c>
      <c r="R23" s="10" t="s">
        <v>109</v>
      </c>
      <c r="S23" s="13">
        <v>42676</v>
      </c>
      <c r="T23" s="6" t="s">
        <v>265</v>
      </c>
      <c r="U23" s="6" t="s">
        <v>266</v>
      </c>
      <c r="V23" s="6" t="s">
        <v>267</v>
      </c>
      <c r="W23" s="15">
        <v>42523</v>
      </c>
      <c r="X23" s="6" t="s">
        <v>54</v>
      </c>
      <c r="Y23" s="6" t="s">
        <v>268</v>
      </c>
      <c r="Z23" s="6" t="s">
        <v>269</v>
      </c>
    </row>
    <row r="24" spans="1:26" ht="15.75" customHeight="1" x14ac:dyDescent="0.4">
      <c r="A24" s="2" t="s">
        <v>160</v>
      </c>
      <c r="B24" s="2" t="s">
        <v>248</v>
      </c>
      <c r="C24" s="2" t="s">
        <v>49</v>
      </c>
      <c r="D24" s="2" t="s">
        <v>49</v>
      </c>
      <c r="E24" s="2" t="s">
        <v>49</v>
      </c>
      <c r="F24" s="2" t="s">
        <v>49</v>
      </c>
      <c r="G24" s="3" t="s">
        <v>48</v>
      </c>
      <c r="H24" s="2" t="s">
        <v>49</v>
      </c>
      <c r="I24" s="2" t="s">
        <v>49</v>
      </c>
      <c r="J24" s="2" t="s">
        <v>49</v>
      </c>
      <c r="K24" s="2" t="s">
        <v>49</v>
      </c>
      <c r="L24" s="2" t="s">
        <v>49</v>
      </c>
      <c r="M24" s="2" t="s">
        <v>49</v>
      </c>
      <c r="N24" s="2" t="s">
        <v>49</v>
      </c>
      <c r="O24" s="2" t="s">
        <v>49</v>
      </c>
      <c r="P24" s="2" t="s">
        <v>49</v>
      </c>
      <c r="Q24" s="2" t="s">
        <v>49</v>
      </c>
      <c r="R24" s="10" t="s">
        <v>116</v>
      </c>
      <c r="S24" s="13">
        <v>42320</v>
      </c>
      <c r="T24" s="6" t="s">
        <v>270</v>
      </c>
      <c r="U24" s="6" t="s">
        <v>271</v>
      </c>
      <c r="V24" s="6" t="s">
        <v>272</v>
      </c>
      <c r="W24" s="15">
        <v>42216</v>
      </c>
      <c r="X24" s="6" t="s">
        <v>54</v>
      </c>
      <c r="Y24" s="6" t="s">
        <v>273</v>
      </c>
      <c r="Z24" s="6" t="s">
        <v>274</v>
      </c>
    </row>
    <row r="25" spans="1:26" ht="16.5" customHeight="1" x14ac:dyDescent="0.4">
      <c r="A25" s="2" t="s">
        <v>160</v>
      </c>
      <c r="B25" s="2" t="s">
        <v>249</v>
      </c>
      <c r="C25" s="2" t="s">
        <v>49</v>
      </c>
      <c r="D25" s="2" t="s">
        <v>49</v>
      </c>
      <c r="E25" s="2" t="s">
        <v>49</v>
      </c>
      <c r="F25" s="2" t="s">
        <v>49</v>
      </c>
      <c r="G25" s="2" t="s">
        <v>49</v>
      </c>
      <c r="H25" s="3" t="s">
        <v>48</v>
      </c>
      <c r="I25" s="2" t="s">
        <v>49</v>
      </c>
      <c r="J25" s="2" t="s">
        <v>49</v>
      </c>
      <c r="K25" s="2" t="s">
        <v>49</v>
      </c>
      <c r="L25" s="2" t="s">
        <v>49</v>
      </c>
      <c r="M25" s="2" t="s">
        <v>49</v>
      </c>
      <c r="N25" s="2" t="s">
        <v>49</v>
      </c>
      <c r="O25" s="2" t="s">
        <v>49</v>
      </c>
      <c r="P25" s="2" t="s">
        <v>49</v>
      </c>
      <c r="Q25" s="2" t="s">
        <v>49</v>
      </c>
      <c r="R25" s="10" t="s">
        <v>109</v>
      </c>
      <c r="S25" s="13">
        <v>42523</v>
      </c>
      <c r="T25" s="6" t="s">
        <v>275</v>
      </c>
      <c r="U25" s="6" t="s">
        <v>276</v>
      </c>
      <c r="V25" s="6" t="s">
        <v>277</v>
      </c>
      <c r="W25" s="15">
        <v>42019</v>
      </c>
      <c r="X25" s="6" t="s">
        <v>54</v>
      </c>
      <c r="Y25" s="6" t="s">
        <v>278</v>
      </c>
      <c r="Z25" s="6" t="s">
        <v>279</v>
      </c>
    </row>
    <row r="26" spans="1:26" ht="15.75" customHeight="1" x14ac:dyDescent="0.4">
      <c r="A26" s="6" t="s">
        <v>42</v>
      </c>
      <c r="B26" s="2" t="s">
        <v>43</v>
      </c>
      <c r="C26" s="3" t="s">
        <v>48</v>
      </c>
      <c r="D26" s="2" t="s">
        <v>49</v>
      </c>
      <c r="E26" s="2" t="s">
        <v>49</v>
      </c>
      <c r="F26" s="2" t="s">
        <v>49</v>
      </c>
      <c r="G26" s="2" t="s">
        <v>49</v>
      </c>
      <c r="H26" s="2" t="s">
        <v>49</v>
      </c>
      <c r="I26" s="2" t="s">
        <v>49</v>
      </c>
      <c r="J26" s="2" t="s">
        <v>49</v>
      </c>
      <c r="K26" s="2" t="s">
        <v>49</v>
      </c>
      <c r="L26" s="2" t="s">
        <v>49</v>
      </c>
      <c r="M26" s="2" t="s">
        <v>49</v>
      </c>
      <c r="N26" s="2" t="s">
        <v>49</v>
      </c>
      <c r="O26" s="2" t="s">
        <v>49</v>
      </c>
      <c r="P26" s="2" t="s">
        <v>49</v>
      </c>
      <c r="Q26" s="2" t="s">
        <v>49</v>
      </c>
      <c r="R26" s="10" t="s">
        <v>50</v>
      </c>
      <c r="S26" s="13">
        <v>41170</v>
      </c>
      <c r="T26" s="6" t="s">
        <v>136</v>
      </c>
      <c r="U26" s="6" t="s">
        <v>137</v>
      </c>
      <c r="V26" s="6" t="s">
        <v>138</v>
      </c>
      <c r="W26" s="15">
        <v>40815</v>
      </c>
      <c r="X26" s="6" t="s">
        <v>54</v>
      </c>
      <c r="Y26" s="6" t="s">
        <v>139</v>
      </c>
      <c r="Z26" s="6" t="s">
        <v>140</v>
      </c>
    </row>
    <row r="27" spans="1:26" ht="15.75" customHeight="1" x14ac:dyDescent="0.4">
      <c r="A27" s="6" t="s">
        <v>42</v>
      </c>
      <c r="B27" s="2" t="s">
        <v>44</v>
      </c>
      <c r="C27" s="3" t="s">
        <v>48</v>
      </c>
      <c r="D27" s="2" t="s">
        <v>49</v>
      </c>
      <c r="E27" s="2" t="s">
        <v>49</v>
      </c>
      <c r="F27" s="2" t="s">
        <v>49</v>
      </c>
      <c r="G27" s="2" t="s">
        <v>49</v>
      </c>
      <c r="H27" s="2" t="s">
        <v>49</v>
      </c>
      <c r="I27" s="2" t="s">
        <v>49</v>
      </c>
      <c r="J27" s="2" t="s">
        <v>49</v>
      </c>
      <c r="K27" s="2" t="s">
        <v>49</v>
      </c>
      <c r="L27" s="2" t="s">
        <v>49</v>
      </c>
      <c r="M27" s="2" t="s">
        <v>49</v>
      </c>
      <c r="N27" s="2" t="s">
        <v>49</v>
      </c>
      <c r="O27" s="2" t="s">
        <v>49</v>
      </c>
      <c r="P27" s="2" t="s">
        <v>49</v>
      </c>
      <c r="Q27" s="2" t="s">
        <v>49</v>
      </c>
      <c r="R27" s="10" t="s">
        <v>50</v>
      </c>
      <c r="S27" s="13">
        <v>41170</v>
      </c>
      <c r="T27" s="6" t="s">
        <v>136</v>
      </c>
      <c r="U27" s="6" t="s">
        <v>141</v>
      </c>
      <c r="V27" s="6" t="s">
        <v>142</v>
      </c>
      <c r="W27" s="15">
        <v>39925</v>
      </c>
      <c r="X27" s="6" t="s">
        <v>54</v>
      </c>
      <c r="Y27" s="6" t="s">
        <v>143</v>
      </c>
      <c r="Z27" s="6" t="s">
        <v>144</v>
      </c>
    </row>
    <row r="28" spans="1:26" ht="15.75" customHeight="1" x14ac:dyDescent="0.4">
      <c r="A28" s="6" t="s">
        <v>42</v>
      </c>
      <c r="B28" s="2" t="s">
        <v>45</v>
      </c>
      <c r="C28" s="3" t="s">
        <v>48</v>
      </c>
      <c r="D28" s="2" t="s">
        <v>49</v>
      </c>
      <c r="E28" s="2" t="s">
        <v>49</v>
      </c>
      <c r="F28" s="2" t="s">
        <v>49</v>
      </c>
      <c r="G28" s="2" t="s">
        <v>49</v>
      </c>
      <c r="H28" s="2" t="s">
        <v>49</v>
      </c>
      <c r="I28" s="2" t="s">
        <v>49</v>
      </c>
      <c r="J28" s="2" t="s">
        <v>49</v>
      </c>
      <c r="K28" s="2" t="s">
        <v>49</v>
      </c>
      <c r="L28" s="2" t="s">
        <v>49</v>
      </c>
      <c r="M28" s="2" t="s">
        <v>49</v>
      </c>
      <c r="N28" s="2" t="s">
        <v>49</v>
      </c>
      <c r="O28" s="2" t="s">
        <v>49</v>
      </c>
      <c r="P28" s="2" t="s">
        <v>49</v>
      </c>
      <c r="Q28" s="2" t="s">
        <v>49</v>
      </c>
      <c r="R28" s="10" t="s">
        <v>50</v>
      </c>
      <c r="S28" s="13">
        <v>41170</v>
      </c>
      <c r="T28" s="6" t="s">
        <v>145</v>
      </c>
      <c r="U28" s="6" t="s">
        <v>146</v>
      </c>
      <c r="V28" s="6" t="s">
        <v>147</v>
      </c>
      <c r="W28" s="15">
        <v>40952</v>
      </c>
      <c r="X28" s="6" t="s">
        <v>54</v>
      </c>
      <c r="Y28" s="6" t="s">
        <v>148</v>
      </c>
      <c r="Z28" s="6" t="s">
        <v>149</v>
      </c>
    </row>
    <row r="29" spans="1:26" ht="15.75" customHeight="1" x14ac:dyDescent="0.4">
      <c r="A29" s="6" t="s">
        <v>42</v>
      </c>
      <c r="B29" s="2" t="s">
        <v>46</v>
      </c>
      <c r="C29" s="3" t="s">
        <v>48</v>
      </c>
      <c r="D29" s="2" t="s">
        <v>49</v>
      </c>
      <c r="E29" s="2" t="s">
        <v>49</v>
      </c>
      <c r="F29" s="2" t="s">
        <v>49</v>
      </c>
      <c r="G29" s="2" t="s">
        <v>49</v>
      </c>
      <c r="H29" s="2" t="s">
        <v>49</v>
      </c>
      <c r="I29" s="2" t="s">
        <v>49</v>
      </c>
      <c r="J29" s="2" t="s">
        <v>49</v>
      </c>
      <c r="K29" s="2" t="s">
        <v>49</v>
      </c>
      <c r="L29" s="2" t="s">
        <v>49</v>
      </c>
      <c r="M29" s="2" t="s">
        <v>49</v>
      </c>
      <c r="N29" s="2" t="s">
        <v>49</v>
      </c>
      <c r="O29" s="2" t="s">
        <v>49</v>
      </c>
      <c r="P29" s="2" t="s">
        <v>49</v>
      </c>
      <c r="Q29" s="2" t="s">
        <v>49</v>
      </c>
      <c r="R29" s="10" t="s">
        <v>50</v>
      </c>
      <c r="S29" s="13">
        <v>41170</v>
      </c>
      <c r="T29" s="6" t="s">
        <v>150</v>
      </c>
      <c r="U29" s="6" t="s">
        <v>151</v>
      </c>
      <c r="V29" s="6" t="s">
        <v>152</v>
      </c>
      <c r="W29" s="15">
        <v>40872</v>
      </c>
      <c r="X29" s="6" t="s">
        <v>54</v>
      </c>
      <c r="Y29" s="6" t="s">
        <v>153</v>
      </c>
      <c r="Z29" s="6" t="s">
        <v>154</v>
      </c>
    </row>
    <row r="30" spans="1:26" ht="15.75" customHeight="1" x14ac:dyDescent="0.4">
      <c r="A30" s="6" t="s">
        <v>42</v>
      </c>
      <c r="B30" s="2" t="s">
        <v>47</v>
      </c>
      <c r="C30" s="3" t="s">
        <v>48</v>
      </c>
      <c r="D30" s="2" t="s">
        <v>49</v>
      </c>
      <c r="E30" s="2" t="s">
        <v>49</v>
      </c>
      <c r="F30" s="2" t="s">
        <v>49</v>
      </c>
      <c r="G30" s="2" t="s">
        <v>49</v>
      </c>
      <c r="H30" s="2" t="s">
        <v>49</v>
      </c>
      <c r="I30" s="2" t="s">
        <v>49</v>
      </c>
      <c r="J30" s="2" t="s">
        <v>49</v>
      </c>
      <c r="K30" s="2" t="s">
        <v>49</v>
      </c>
      <c r="L30" s="2" t="s">
        <v>49</v>
      </c>
      <c r="M30" s="2" t="s">
        <v>49</v>
      </c>
      <c r="N30" s="2" t="s">
        <v>49</v>
      </c>
      <c r="O30" s="2" t="s">
        <v>49</v>
      </c>
      <c r="P30" s="2" t="s">
        <v>49</v>
      </c>
      <c r="Q30" s="2" t="s">
        <v>49</v>
      </c>
      <c r="R30" s="10" t="s">
        <v>50</v>
      </c>
      <c r="S30" s="13">
        <v>41170</v>
      </c>
      <c r="T30" s="6" t="s">
        <v>155</v>
      </c>
      <c r="U30" s="6" t="s">
        <v>156</v>
      </c>
      <c r="V30" s="6" t="s">
        <v>157</v>
      </c>
      <c r="W30" s="15">
        <v>41005</v>
      </c>
      <c r="X30" s="6" t="s">
        <v>54</v>
      </c>
      <c r="Y30" s="6" t="s">
        <v>158</v>
      </c>
      <c r="Z30" s="6" t="s">
        <v>159</v>
      </c>
    </row>
    <row r="31" spans="1:26" ht="15.75" customHeight="1" x14ac:dyDescent="0.4">
      <c r="A31" s="2" t="s">
        <v>26</v>
      </c>
      <c r="B31" s="2" t="s">
        <v>27</v>
      </c>
      <c r="C31" s="3" t="s">
        <v>48</v>
      </c>
      <c r="D31" s="2" t="s">
        <v>49</v>
      </c>
      <c r="E31" s="2" t="s">
        <v>49</v>
      </c>
      <c r="F31" s="2" t="s">
        <v>49</v>
      </c>
      <c r="G31" s="2" t="s">
        <v>49</v>
      </c>
      <c r="H31" s="2" t="s">
        <v>49</v>
      </c>
      <c r="I31" s="2" t="s">
        <v>49</v>
      </c>
      <c r="J31" s="2" t="s">
        <v>49</v>
      </c>
      <c r="K31" s="2" t="s">
        <v>49</v>
      </c>
      <c r="L31" s="2" t="s">
        <v>49</v>
      </c>
      <c r="M31" s="2" t="s">
        <v>49</v>
      </c>
      <c r="N31" s="2" t="s">
        <v>49</v>
      </c>
      <c r="O31" s="2" t="s">
        <v>49</v>
      </c>
      <c r="P31" s="2" t="s">
        <v>49</v>
      </c>
      <c r="Q31" s="2" t="s">
        <v>49</v>
      </c>
      <c r="R31" s="10" t="s">
        <v>50</v>
      </c>
      <c r="S31" s="13">
        <v>41234</v>
      </c>
      <c r="T31" s="6" t="s">
        <v>51</v>
      </c>
      <c r="U31" s="6" t="s">
        <v>52</v>
      </c>
      <c r="V31" s="6" t="s">
        <v>53</v>
      </c>
      <c r="W31" s="15">
        <v>39744</v>
      </c>
      <c r="X31" s="6" t="s">
        <v>54</v>
      </c>
      <c r="Y31" s="6" t="s">
        <v>55</v>
      </c>
      <c r="Z31" s="6" t="s">
        <v>56</v>
      </c>
    </row>
    <row r="32" spans="1:26" ht="15.75" customHeight="1" x14ac:dyDescent="0.4">
      <c r="A32" s="2" t="s">
        <v>26</v>
      </c>
      <c r="B32" s="2" t="s">
        <v>28</v>
      </c>
      <c r="C32" s="3" t="s">
        <v>48</v>
      </c>
      <c r="D32" s="2" t="s">
        <v>49</v>
      </c>
      <c r="E32" s="2" t="s">
        <v>49</v>
      </c>
      <c r="F32" s="2" t="s">
        <v>49</v>
      </c>
      <c r="G32" s="2" t="s">
        <v>49</v>
      </c>
      <c r="H32" s="2" t="s">
        <v>49</v>
      </c>
      <c r="I32" s="2" t="s">
        <v>49</v>
      </c>
      <c r="J32" s="2" t="s">
        <v>49</v>
      </c>
      <c r="K32" s="2" t="s">
        <v>49</v>
      </c>
      <c r="L32" s="2" t="s">
        <v>49</v>
      </c>
      <c r="M32" s="2" t="s">
        <v>49</v>
      </c>
      <c r="N32" s="2" t="s">
        <v>49</v>
      </c>
      <c r="O32" s="2" t="s">
        <v>49</v>
      </c>
      <c r="P32" s="2" t="s">
        <v>49</v>
      </c>
      <c r="Q32" s="2" t="s">
        <v>49</v>
      </c>
      <c r="R32" s="10" t="s">
        <v>50</v>
      </c>
      <c r="S32" s="13">
        <v>41170</v>
      </c>
      <c r="T32" s="6" t="s">
        <v>57</v>
      </c>
      <c r="U32" s="6" t="s">
        <v>58</v>
      </c>
      <c r="V32" s="6" t="s">
        <v>59</v>
      </c>
      <c r="W32" s="15">
        <v>40808</v>
      </c>
      <c r="X32" s="6" t="s">
        <v>54</v>
      </c>
      <c r="Y32" s="6" t="s">
        <v>60</v>
      </c>
      <c r="Z32" s="6" t="s">
        <v>61</v>
      </c>
    </row>
    <row r="33" spans="1:26" ht="15.75" customHeight="1" x14ac:dyDescent="0.4">
      <c r="A33" s="2" t="s">
        <v>26</v>
      </c>
      <c r="B33" s="2" t="s">
        <v>29</v>
      </c>
      <c r="C33" s="3" t="s">
        <v>48</v>
      </c>
      <c r="D33" s="2" t="s">
        <v>49</v>
      </c>
      <c r="E33" s="2" t="s">
        <v>49</v>
      </c>
      <c r="F33" s="2" t="s">
        <v>49</v>
      </c>
      <c r="G33" s="2" t="s">
        <v>49</v>
      </c>
      <c r="H33" s="2" t="s">
        <v>49</v>
      </c>
      <c r="I33" s="2" t="s">
        <v>49</v>
      </c>
      <c r="J33" s="2" t="s">
        <v>49</v>
      </c>
      <c r="K33" s="2" t="s">
        <v>49</v>
      </c>
      <c r="L33" s="2" t="s">
        <v>49</v>
      </c>
      <c r="M33" s="2" t="s">
        <v>49</v>
      </c>
      <c r="N33" s="2" t="s">
        <v>49</v>
      </c>
      <c r="O33" s="2" t="s">
        <v>49</v>
      </c>
      <c r="P33" s="2" t="s">
        <v>49</v>
      </c>
      <c r="Q33" s="2" t="s">
        <v>49</v>
      </c>
      <c r="R33" s="10" t="s">
        <v>50</v>
      </c>
      <c r="S33" s="13">
        <v>41170</v>
      </c>
      <c r="T33" s="6" t="s">
        <v>62</v>
      </c>
      <c r="U33" s="6" t="s">
        <v>63</v>
      </c>
      <c r="V33" s="6" t="s">
        <v>64</v>
      </c>
      <c r="W33" s="15">
        <v>39052</v>
      </c>
      <c r="X33" s="6" t="s">
        <v>54</v>
      </c>
      <c r="Y33" s="6" t="s">
        <v>65</v>
      </c>
      <c r="Z33" s="6" t="s">
        <v>66</v>
      </c>
    </row>
    <row r="34" spans="1:26" ht="15.75" customHeight="1" x14ac:dyDescent="0.4">
      <c r="A34" s="2" t="s">
        <v>26</v>
      </c>
      <c r="B34" s="2" t="s">
        <v>30</v>
      </c>
      <c r="C34" s="3" t="s">
        <v>48</v>
      </c>
      <c r="D34" s="2" t="s">
        <v>49</v>
      </c>
      <c r="E34" s="2" t="s">
        <v>49</v>
      </c>
      <c r="F34" s="2" t="s">
        <v>49</v>
      </c>
      <c r="G34" s="2" t="s">
        <v>49</v>
      </c>
      <c r="H34" s="2" t="s">
        <v>49</v>
      </c>
      <c r="I34" s="2" t="s">
        <v>49</v>
      </c>
      <c r="J34" s="2" t="s">
        <v>49</v>
      </c>
      <c r="K34" s="2" t="s">
        <v>49</v>
      </c>
      <c r="L34" s="2" t="s">
        <v>49</v>
      </c>
      <c r="M34" s="2" t="s">
        <v>49</v>
      </c>
      <c r="N34" s="2" t="s">
        <v>49</v>
      </c>
      <c r="O34" s="2" t="s">
        <v>49</v>
      </c>
      <c r="P34" s="2" t="s">
        <v>49</v>
      </c>
      <c r="Q34" s="2" t="s">
        <v>49</v>
      </c>
      <c r="R34" s="10" t="s">
        <v>50</v>
      </c>
      <c r="S34" s="13">
        <v>41234</v>
      </c>
      <c r="T34" s="6" t="s">
        <v>67</v>
      </c>
      <c r="U34" s="6" t="s">
        <v>68</v>
      </c>
      <c r="V34" s="6" t="s">
        <v>69</v>
      </c>
      <c r="W34" s="15">
        <v>40921</v>
      </c>
      <c r="X34" s="6" t="s">
        <v>54</v>
      </c>
      <c r="Y34" s="6" t="s">
        <v>70</v>
      </c>
      <c r="Z34" s="6" t="s">
        <v>71</v>
      </c>
    </row>
    <row r="35" spans="1:26" ht="15.75" customHeight="1" x14ac:dyDescent="0.4">
      <c r="A35" s="2" t="s">
        <v>26</v>
      </c>
      <c r="B35" s="2" t="s">
        <v>31</v>
      </c>
      <c r="C35" s="3" t="s">
        <v>48</v>
      </c>
      <c r="D35" s="2" t="s">
        <v>49</v>
      </c>
      <c r="E35" s="2" t="s">
        <v>49</v>
      </c>
      <c r="F35" s="2" t="s">
        <v>49</v>
      </c>
      <c r="G35" s="2" t="s">
        <v>49</v>
      </c>
      <c r="H35" s="2" t="s">
        <v>49</v>
      </c>
      <c r="I35" s="2" t="s">
        <v>49</v>
      </c>
      <c r="J35" s="2" t="s">
        <v>49</v>
      </c>
      <c r="K35" s="2" t="s">
        <v>49</v>
      </c>
      <c r="L35" s="2" t="s">
        <v>49</v>
      </c>
      <c r="M35" s="2" t="s">
        <v>49</v>
      </c>
      <c r="N35" s="2" t="s">
        <v>49</v>
      </c>
      <c r="O35" s="2" t="s">
        <v>49</v>
      </c>
      <c r="P35" s="2" t="s">
        <v>49</v>
      </c>
      <c r="Q35" s="2" t="s">
        <v>49</v>
      </c>
      <c r="R35" s="10" t="s">
        <v>50</v>
      </c>
      <c r="S35" s="13">
        <v>41170</v>
      </c>
      <c r="T35" s="6" t="s">
        <v>72</v>
      </c>
      <c r="U35" s="6" t="s">
        <v>73</v>
      </c>
      <c r="V35" s="6" t="s">
        <v>74</v>
      </c>
      <c r="W35" s="15">
        <v>40045</v>
      </c>
      <c r="X35" s="6" t="s">
        <v>54</v>
      </c>
      <c r="Y35" s="6" t="s">
        <v>75</v>
      </c>
      <c r="Z35" s="6" t="s">
        <v>76</v>
      </c>
    </row>
    <row r="36" spans="1:26" ht="15.75" customHeight="1" x14ac:dyDescent="0.4">
      <c r="A36" s="2" t="s">
        <v>26</v>
      </c>
      <c r="B36" s="2" t="s">
        <v>32</v>
      </c>
      <c r="C36" s="3" t="s">
        <v>48</v>
      </c>
      <c r="D36" s="2" t="s">
        <v>49</v>
      </c>
      <c r="E36" s="2" t="s">
        <v>49</v>
      </c>
      <c r="F36" s="2" t="s">
        <v>49</v>
      </c>
      <c r="G36" s="2" t="s">
        <v>49</v>
      </c>
      <c r="H36" s="2" t="s">
        <v>49</v>
      </c>
      <c r="I36" s="2" t="s">
        <v>49</v>
      </c>
      <c r="J36" s="2" t="s">
        <v>49</v>
      </c>
      <c r="K36" s="2" t="s">
        <v>49</v>
      </c>
      <c r="L36" s="2" t="s">
        <v>49</v>
      </c>
      <c r="M36" s="2" t="s">
        <v>49</v>
      </c>
      <c r="N36" s="2" t="s">
        <v>49</v>
      </c>
      <c r="O36" s="2" t="s">
        <v>49</v>
      </c>
      <c r="P36" s="2" t="s">
        <v>49</v>
      </c>
      <c r="Q36" s="2" t="s">
        <v>49</v>
      </c>
      <c r="R36" s="10" t="s">
        <v>50</v>
      </c>
      <c r="S36" s="13">
        <v>41170</v>
      </c>
      <c r="T36" s="6" t="s">
        <v>77</v>
      </c>
      <c r="U36" s="6" t="s">
        <v>78</v>
      </c>
      <c r="V36" s="6" t="s">
        <v>79</v>
      </c>
      <c r="W36" s="15">
        <v>40409</v>
      </c>
      <c r="X36" s="6" t="s">
        <v>54</v>
      </c>
      <c r="Y36" s="6" t="s">
        <v>80</v>
      </c>
      <c r="Z36" s="6" t="s">
        <v>81</v>
      </c>
    </row>
    <row r="37" spans="1:26" ht="15.75" customHeight="1" x14ac:dyDescent="0.4">
      <c r="A37" s="2" t="s">
        <v>26</v>
      </c>
      <c r="B37" s="2" t="s">
        <v>33</v>
      </c>
      <c r="C37" s="3" t="s">
        <v>48</v>
      </c>
      <c r="D37" s="2" t="s">
        <v>49</v>
      </c>
      <c r="E37" s="2" t="s">
        <v>49</v>
      </c>
      <c r="F37" s="2" t="s">
        <v>49</v>
      </c>
      <c r="G37" s="2" t="s">
        <v>49</v>
      </c>
      <c r="H37" s="2" t="s">
        <v>49</v>
      </c>
      <c r="I37" s="2" t="s">
        <v>49</v>
      </c>
      <c r="J37" s="2" t="s">
        <v>49</v>
      </c>
      <c r="K37" s="2" t="s">
        <v>49</v>
      </c>
      <c r="L37" s="2" t="s">
        <v>49</v>
      </c>
      <c r="M37" s="2" t="s">
        <v>49</v>
      </c>
      <c r="N37" s="2" t="s">
        <v>49</v>
      </c>
      <c r="O37" s="2" t="s">
        <v>49</v>
      </c>
      <c r="P37" s="2" t="s">
        <v>49</v>
      </c>
      <c r="Q37" s="2" t="s">
        <v>49</v>
      </c>
      <c r="R37" s="10" t="s">
        <v>50</v>
      </c>
      <c r="S37" s="13">
        <v>41170</v>
      </c>
      <c r="T37" s="6" t="s">
        <v>82</v>
      </c>
      <c r="U37" s="6" t="s">
        <v>83</v>
      </c>
      <c r="V37" s="6" t="s">
        <v>84</v>
      </c>
      <c r="W37" s="15">
        <v>40903</v>
      </c>
      <c r="X37" s="6" t="s">
        <v>54</v>
      </c>
      <c r="Y37" s="6" t="s">
        <v>85</v>
      </c>
      <c r="Z37" s="6" t="s">
        <v>86</v>
      </c>
    </row>
    <row r="38" spans="1:26" ht="15.75" customHeight="1" x14ac:dyDescent="0.4">
      <c r="A38" s="2" t="s">
        <v>26</v>
      </c>
      <c r="B38" s="2" t="s">
        <v>34</v>
      </c>
      <c r="C38" s="3" t="s">
        <v>48</v>
      </c>
      <c r="D38" s="2" t="s">
        <v>49</v>
      </c>
      <c r="E38" s="2" t="s">
        <v>49</v>
      </c>
      <c r="F38" s="2" t="s">
        <v>49</v>
      </c>
      <c r="G38" s="2" t="s">
        <v>49</v>
      </c>
      <c r="H38" s="2" t="s">
        <v>49</v>
      </c>
      <c r="I38" s="2" t="s">
        <v>49</v>
      </c>
      <c r="J38" s="2" t="s">
        <v>49</v>
      </c>
      <c r="K38" s="2" t="s">
        <v>49</v>
      </c>
      <c r="L38" s="2" t="s">
        <v>49</v>
      </c>
      <c r="M38" s="2" t="s">
        <v>49</v>
      </c>
      <c r="N38" s="2" t="s">
        <v>49</v>
      </c>
      <c r="O38" s="2" t="s">
        <v>49</v>
      </c>
      <c r="P38" s="2" t="s">
        <v>49</v>
      </c>
      <c r="Q38" s="2" t="s">
        <v>49</v>
      </c>
      <c r="R38" s="10" t="s">
        <v>50</v>
      </c>
      <c r="S38" s="13">
        <v>41170</v>
      </c>
      <c r="T38" s="6" t="s">
        <v>87</v>
      </c>
      <c r="U38" s="6" t="s">
        <v>88</v>
      </c>
      <c r="V38" s="6" t="s">
        <v>89</v>
      </c>
      <c r="W38" s="15">
        <v>40021</v>
      </c>
      <c r="X38" s="6" t="s">
        <v>54</v>
      </c>
      <c r="Y38" s="6" t="s">
        <v>90</v>
      </c>
      <c r="Z38" s="6" t="s">
        <v>91</v>
      </c>
    </row>
    <row r="39" spans="1:26" ht="15.75" customHeight="1" x14ac:dyDescent="0.4">
      <c r="A39" s="2" t="s">
        <v>26</v>
      </c>
      <c r="B39" s="2" t="s">
        <v>35</v>
      </c>
      <c r="C39" s="3" t="s">
        <v>48</v>
      </c>
      <c r="D39" s="2" t="s">
        <v>49</v>
      </c>
      <c r="E39" s="2" t="s">
        <v>49</v>
      </c>
      <c r="F39" s="2" t="s">
        <v>49</v>
      </c>
      <c r="G39" s="2" t="s">
        <v>49</v>
      </c>
      <c r="H39" s="2" t="s">
        <v>49</v>
      </c>
      <c r="I39" s="2" t="s">
        <v>49</v>
      </c>
      <c r="J39" s="2" t="s">
        <v>49</v>
      </c>
      <c r="K39" s="2" t="s">
        <v>49</v>
      </c>
      <c r="L39" s="2" t="s">
        <v>49</v>
      </c>
      <c r="M39" s="2" t="s">
        <v>49</v>
      </c>
      <c r="N39" s="2" t="s">
        <v>49</v>
      </c>
      <c r="O39" s="2" t="s">
        <v>49</v>
      </c>
      <c r="P39" s="2" t="s">
        <v>49</v>
      </c>
      <c r="Q39" s="2" t="s">
        <v>49</v>
      </c>
      <c r="R39" s="10" t="s">
        <v>50</v>
      </c>
      <c r="S39" s="13">
        <v>41170</v>
      </c>
      <c r="T39" s="6" t="s">
        <v>92</v>
      </c>
      <c r="U39" s="6" t="s">
        <v>93</v>
      </c>
      <c r="V39" s="6" t="s">
        <v>94</v>
      </c>
      <c r="W39" s="15">
        <v>40339</v>
      </c>
      <c r="X39" s="6" t="s">
        <v>54</v>
      </c>
      <c r="Y39" s="6" t="s">
        <v>95</v>
      </c>
      <c r="Z39" s="6" t="s">
        <v>96</v>
      </c>
    </row>
    <row r="40" spans="1:26" ht="15.75" customHeight="1" x14ac:dyDescent="0.4">
      <c r="A40" s="2" t="s">
        <v>26</v>
      </c>
      <c r="B40" s="2" t="s">
        <v>36</v>
      </c>
      <c r="C40" s="3" t="s">
        <v>48</v>
      </c>
      <c r="D40" s="2" t="s">
        <v>49</v>
      </c>
      <c r="E40" s="2" t="s">
        <v>49</v>
      </c>
      <c r="F40" s="2" t="s">
        <v>49</v>
      </c>
      <c r="G40" s="2" t="s">
        <v>49</v>
      </c>
      <c r="H40" s="2" t="s">
        <v>49</v>
      </c>
      <c r="I40" s="2" t="s">
        <v>49</v>
      </c>
      <c r="J40" s="2" t="s">
        <v>49</v>
      </c>
      <c r="K40" s="2" t="s">
        <v>49</v>
      </c>
      <c r="L40" s="2" t="s">
        <v>49</v>
      </c>
      <c r="M40" s="2" t="s">
        <v>49</v>
      </c>
      <c r="N40" s="2" t="s">
        <v>49</v>
      </c>
      <c r="O40" s="2" t="s">
        <v>49</v>
      </c>
      <c r="P40" s="2" t="s">
        <v>49</v>
      </c>
      <c r="Q40" s="2" t="s">
        <v>49</v>
      </c>
      <c r="R40" s="10" t="s">
        <v>50</v>
      </c>
      <c r="S40" s="13">
        <v>41170</v>
      </c>
      <c r="T40" s="6" t="s">
        <v>97</v>
      </c>
      <c r="U40" s="6" t="s">
        <v>98</v>
      </c>
      <c r="V40" s="6" t="s">
        <v>99</v>
      </c>
      <c r="W40" s="15">
        <v>40519</v>
      </c>
      <c r="X40" s="6" t="s">
        <v>54</v>
      </c>
      <c r="Y40" s="6" t="s">
        <v>100</v>
      </c>
      <c r="Z40" s="6" t="s">
        <v>101</v>
      </c>
    </row>
    <row r="41" spans="1:26" ht="15.75" customHeight="1" x14ac:dyDescent="0.4">
      <c r="A41" s="2" t="s">
        <v>26</v>
      </c>
      <c r="B41" s="2" t="s">
        <v>37</v>
      </c>
      <c r="C41" s="3" t="s">
        <v>48</v>
      </c>
      <c r="D41" s="2" t="s">
        <v>49</v>
      </c>
      <c r="E41" s="2" t="s">
        <v>49</v>
      </c>
      <c r="F41" s="2" t="s">
        <v>49</v>
      </c>
      <c r="G41" s="2" t="s">
        <v>49</v>
      </c>
      <c r="H41" s="2" t="s">
        <v>49</v>
      </c>
      <c r="I41" s="2" t="s">
        <v>49</v>
      </c>
      <c r="J41" s="2" t="s">
        <v>49</v>
      </c>
      <c r="K41" s="2" t="s">
        <v>49</v>
      </c>
      <c r="L41" s="2" t="s">
        <v>49</v>
      </c>
      <c r="M41" s="2" t="s">
        <v>49</v>
      </c>
      <c r="N41" s="2" t="s">
        <v>49</v>
      </c>
      <c r="O41" s="2" t="s">
        <v>49</v>
      </c>
      <c r="P41" s="2" t="s">
        <v>49</v>
      </c>
      <c r="Q41" s="2" t="s">
        <v>49</v>
      </c>
      <c r="R41" s="10" t="s">
        <v>50</v>
      </c>
      <c r="S41" s="13">
        <v>41170</v>
      </c>
      <c r="T41" s="6" t="s">
        <v>102</v>
      </c>
      <c r="U41" s="6" t="s">
        <v>103</v>
      </c>
      <c r="V41" s="6" t="s">
        <v>104</v>
      </c>
      <c r="W41" s="15">
        <v>40344</v>
      </c>
      <c r="X41" s="6" t="s">
        <v>54</v>
      </c>
      <c r="Y41" s="6" t="s">
        <v>105</v>
      </c>
      <c r="Z41" s="6" t="s">
        <v>106</v>
      </c>
    </row>
    <row r="42" spans="1:26" ht="15.75" customHeight="1" x14ac:dyDescent="0.35">
      <c r="A42" s="2" t="s">
        <v>26</v>
      </c>
      <c r="B42" s="4" t="s">
        <v>38</v>
      </c>
      <c r="C42" s="2" t="s">
        <v>49</v>
      </c>
      <c r="D42" s="2" t="s">
        <v>49</v>
      </c>
      <c r="E42" s="2" t="s">
        <v>49</v>
      </c>
      <c r="F42" s="2" t="s">
        <v>49</v>
      </c>
      <c r="G42" s="2" t="s">
        <v>49</v>
      </c>
      <c r="H42" s="8" t="s">
        <v>305</v>
      </c>
      <c r="I42" s="8" t="s">
        <v>305</v>
      </c>
      <c r="J42" s="3" t="s">
        <v>48</v>
      </c>
      <c r="K42" s="8" t="s">
        <v>305</v>
      </c>
      <c r="L42" s="8" t="s">
        <v>305</v>
      </c>
      <c r="M42" s="8" t="s">
        <v>305</v>
      </c>
      <c r="N42" s="8" t="s">
        <v>305</v>
      </c>
      <c r="O42" s="8" t="s">
        <v>305</v>
      </c>
      <c r="P42" s="8" t="s">
        <v>305</v>
      </c>
      <c r="Q42" s="8" t="s">
        <v>305</v>
      </c>
      <c r="R42" s="12" t="s">
        <v>107</v>
      </c>
      <c r="S42" s="14"/>
      <c r="T42" s="6" t="s">
        <v>111</v>
      </c>
      <c r="U42" s="6" t="s">
        <v>112</v>
      </c>
      <c r="V42" s="6" t="s">
        <v>113</v>
      </c>
      <c r="W42" s="15">
        <v>46237</v>
      </c>
      <c r="X42" s="16" t="s">
        <v>108</v>
      </c>
      <c r="Y42" s="6" t="s">
        <v>114</v>
      </c>
      <c r="Z42" s="6" t="s">
        <v>115</v>
      </c>
    </row>
    <row r="43" spans="1:26" ht="15.75" customHeight="1" x14ac:dyDescent="0.4">
      <c r="A43" s="2" t="s">
        <v>26</v>
      </c>
      <c r="B43" s="2" t="s">
        <v>39</v>
      </c>
      <c r="C43" s="2" t="s">
        <v>49</v>
      </c>
      <c r="D43" s="2" t="s">
        <v>49</v>
      </c>
      <c r="E43" s="2" t="s">
        <v>49</v>
      </c>
      <c r="F43" s="2" t="s">
        <v>49</v>
      </c>
      <c r="G43" s="2" t="s">
        <v>49</v>
      </c>
      <c r="H43" s="2" t="s">
        <v>49</v>
      </c>
      <c r="I43" s="2" t="s">
        <v>49</v>
      </c>
      <c r="J43" s="5" t="s">
        <v>48</v>
      </c>
      <c r="K43" s="2" t="s">
        <v>49</v>
      </c>
      <c r="L43" s="2" t="s">
        <v>49</v>
      </c>
      <c r="M43" s="2" t="s">
        <v>49</v>
      </c>
      <c r="N43" s="2" t="s">
        <v>49</v>
      </c>
      <c r="O43" s="2" t="s">
        <v>49</v>
      </c>
      <c r="P43" s="2" t="s">
        <v>49</v>
      </c>
      <c r="Q43" s="2" t="s">
        <v>49</v>
      </c>
      <c r="R43" s="10" t="s">
        <v>117</v>
      </c>
      <c r="S43" s="13">
        <v>43320</v>
      </c>
      <c r="T43" s="6" t="s">
        <v>118</v>
      </c>
      <c r="U43" s="6" t="s">
        <v>119</v>
      </c>
      <c r="V43" s="6" t="s">
        <v>120</v>
      </c>
      <c r="W43" s="15">
        <v>43307</v>
      </c>
      <c r="X43" s="6" t="s">
        <v>54</v>
      </c>
      <c r="Y43" s="6" t="s">
        <v>121</v>
      </c>
      <c r="Z43" s="6" t="s">
        <v>122</v>
      </c>
    </row>
    <row r="44" spans="1:26" ht="15.75" customHeight="1" x14ac:dyDescent="0.35">
      <c r="A44" s="2" t="s">
        <v>26</v>
      </c>
      <c r="B44" s="4" t="s">
        <v>40</v>
      </c>
      <c r="C44" s="2" t="s">
        <v>49</v>
      </c>
      <c r="D44" s="2" t="s">
        <v>49</v>
      </c>
      <c r="E44" s="2" t="s">
        <v>49</v>
      </c>
      <c r="F44" s="2" t="s">
        <v>49</v>
      </c>
      <c r="G44" s="8" t="s">
        <v>305</v>
      </c>
      <c r="H44" s="8" t="s">
        <v>305</v>
      </c>
      <c r="I44" s="8" t="s">
        <v>305</v>
      </c>
      <c r="J44" s="5" t="s">
        <v>48</v>
      </c>
      <c r="K44" s="2" t="s">
        <v>49</v>
      </c>
      <c r="L44" s="8" t="s">
        <v>305</v>
      </c>
      <c r="M44" s="8" t="s">
        <v>305</v>
      </c>
      <c r="N44" s="2" t="s">
        <v>49</v>
      </c>
      <c r="O44" s="2" t="s">
        <v>49</v>
      </c>
      <c r="P44" s="2" t="s">
        <v>49</v>
      </c>
      <c r="Q44" s="2" t="s">
        <v>49</v>
      </c>
      <c r="R44" s="12" t="s">
        <v>107</v>
      </c>
      <c r="S44" s="14"/>
      <c r="T44" s="6" t="s">
        <v>123</v>
      </c>
      <c r="U44" s="6" t="s">
        <v>124</v>
      </c>
      <c r="V44" s="6" t="s">
        <v>125</v>
      </c>
      <c r="W44" s="15">
        <v>46174</v>
      </c>
      <c r="X44" s="16" t="s">
        <v>108</v>
      </c>
      <c r="Y44" s="6" t="s">
        <v>126</v>
      </c>
      <c r="Z44" s="6" t="s">
        <v>127</v>
      </c>
    </row>
    <row r="45" spans="1:26" ht="15.75" customHeight="1" x14ac:dyDescent="0.4">
      <c r="A45" s="2" t="s">
        <v>26</v>
      </c>
      <c r="B45" s="2" t="s">
        <v>41</v>
      </c>
      <c r="C45" s="2" t="s">
        <v>49</v>
      </c>
      <c r="D45" s="2" t="s">
        <v>49</v>
      </c>
      <c r="E45" s="2" t="s">
        <v>49</v>
      </c>
      <c r="F45" s="2" t="s">
        <v>49</v>
      </c>
      <c r="G45" s="2" t="s">
        <v>49</v>
      </c>
      <c r="H45" s="2" t="s">
        <v>49</v>
      </c>
      <c r="I45" s="2" t="s">
        <v>49</v>
      </c>
      <c r="J45" s="5" t="s">
        <v>48</v>
      </c>
      <c r="K45" s="2" t="s">
        <v>49</v>
      </c>
      <c r="L45" s="2" t="s">
        <v>49</v>
      </c>
      <c r="M45" s="2" t="s">
        <v>49</v>
      </c>
      <c r="N45" s="2" t="s">
        <v>49</v>
      </c>
      <c r="O45" s="2" t="s">
        <v>49</v>
      </c>
      <c r="P45" s="2" t="s">
        <v>49</v>
      </c>
      <c r="Q45" s="2" t="s">
        <v>49</v>
      </c>
      <c r="R45" s="10" t="s">
        <v>117</v>
      </c>
      <c r="S45" s="13">
        <v>43291</v>
      </c>
      <c r="T45" s="6" t="s">
        <v>128</v>
      </c>
      <c r="U45" s="6" t="s">
        <v>129</v>
      </c>
      <c r="V45" s="6" t="s">
        <v>130</v>
      </c>
      <c r="W45" s="15">
        <v>43277</v>
      </c>
      <c r="X45" s="6" t="s">
        <v>54</v>
      </c>
      <c r="Y45" s="6" t="s">
        <v>131</v>
      </c>
      <c r="Z45" s="6" t="s">
        <v>132</v>
      </c>
    </row>
    <row r="46" spans="1:26" x14ac:dyDescent="0.4">
      <c r="A46" s="17" t="s">
        <v>306</v>
      </c>
    </row>
  </sheetData>
  <phoneticPr fontId="2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Book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4071</dc:creator>
  <cp:lastModifiedBy>s04071</cp:lastModifiedBy>
  <dcterms:created xsi:type="dcterms:W3CDTF">2025-12-12T02:04:06Z</dcterms:created>
  <dcterms:modified xsi:type="dcterms:W3CDTF">2025-12-12T02:29:16Z</dcterms:modified>
</cp:coreProperties>
</file>